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J:\s1\03廃棄物対策\03産業廃棄物\09排出指\02多量排\R05\01_R05提出依頼\"/>
    </mc:Choice>
  </mc:AlternateContent>
  <bookViews>
    <workbookView xWindow="14508" yWindow="-12" windowWidth="14316" windowHeight="12816"/>
  </bookViews>
  <sheets>
    <sheet name="その１製造業" sheetId="6" r:id="rId1"/>
    <sheet name="その２" sheetId="7" r:id="rId2"/>
    <sheet name="追加記入欄" sheetId="3" r:id="rId3"/>
  </sheets>
  <definedNames>
    <definedName name="_xlnm.Print_Area" localSheetId="0">その１製造業!$A$1:$AP$71</definedName>
    <definedName name="_xlnm.Print_Area" localSheetId="1">その２!$A$1:$CN$77</definedName>
    <definedName name="_xlnm.Print_Area" localSheetId="2">追加記入欄!$A$1:$CN$78</definedName>
  </definedNames>
  <calcPr calcId="162913"/>
</workbook>
</file>

<file path=xl/calcChain.xml><?xml version="1.0" encoding="utf-8"?>
<calcChain xmlns="http://schemas.openxmlformats.org/spreadsheetml/2006/main">
  <c r="B57" i="7" l="1"/>
  <c r="B59" i="7" s="1"/>
  <c r="B61" i="7" s="1"/>
  <c r="B63" i="7" s="1"/>
  <c r="B65" i="7" s="1"/>
  <c r="B67" i="7" s="1"/>
  <c r="B69" i="7" s="1"/>
  <c r="B71" i="7" s="1"/>
  <c r="B73" i="7" s="1"/>
  <c r="B8" i="3"/>
  <c r="B10" i="3"/>
  <c r="B12" i="3" s="1"/>
  <c r="B14" i="3" s="1"/>
  <c r="B16" i="3" s="1"/>
  <c r="B18" i="3" s="1"/>
  <c r="B20" i="3" s="1"/>
  <c r="B22" i="3" s="1"/>
  <c r="B24" i="3" s="1"/>
  <c r="B26" i="3" s="1"/>
  <c r="B28" i="3" s="1"/>
  <c r="B30" i="3" s="1"/>
  <c r="B32" i="3" s="1"/>
  <c r="B34" i="3" s="1"/>
  <c r="B36" i="3" s="1"/>
  <c r="B38" i="3" s="1"/>
  <c r="B40" i="3" s="1"/>
  <c r="B42" i="3" s="1"/>
  <c r="B44" i="3" s="1"/>
  <c r="B46" i="3" s="1"/>
  <c r="B48" i="3" s="1"/>
  <c r="B50" i="3" s="1"/>
  <c r="B52" i="3" s="1"/>
  <c r="B54" i="3" s="1"/>
  <c r="B56" i="3" s="1"/>
  <c r="B58" i="3" s="1"/>
  <c r="B60" i="3" s="1"/>
  <c r="B62" i="3" s="1"/>
  <c r="B64" i="3" s="1"/>
  <c r="B66" i="3" s="1"/>
  <c r="B68" i="3" s="1"/>
  <c r="B70" i="3" s="1"/>
  <c r="B72" i="3" s="1"/>
  <c r="B74" i="3" s="1"/>
</calcChain>
</file>

<file path=xl/sharedStrings.xml><?xml version="1.0" encoding="utf-8"?>
<sst xmlns="http://schemas.openxmlformats.org/spreadsheetml/2006/main" count="659" uniqueCount="227">
  <si>
    <t>事業所の概要</t>
    <rPh sb="0" eb="3">
      <t>ジギョウショ</t>
    </rPh>
    <rPh sb="4" eb="6">
      <t>ガイヨウ</t>
    </rPh>
    <phoneticPr fontId="1"/>
  </si>
  <si>
    <t>事業所名</t>
    <rPh sb="0" eb="3">
      <t>ジギョウショ</t>
    </rPh>
    <rPh sb="3" eb="4">
      <t>メイ</t>
    </rPh>
    <phoneticPr fontId="1"/>
  </si>
  <si>
    <t>事業内容</t>
    <rPh sb="0" eb="2">
      <t>ジギョウ</t>
    </rPh>
    <rPh sb="2" eb="4">
      <t>ナイヨウ</t>
    </rPh>
    <phoneticPr fontId="1"/>
  </si>
  <si>
    <t>所在地</t>
    <rPh sb="0" eb="3">
      <t>ショザイチ</t>
    </rPh>
    <phoneticPr fontId="1"/>
  </si>
  <si>
    <t>電話番号</t>
    <rPh sb="0" eb="2">
      <t>デンワ</t>
    </rPh>
    <rPh sb="2" eb="4">
      <t>バンゴウ</t>
    </rPh>
    <phoneticPr fontId="1"/>
  </si>
  <si>
    <t>事業の概要</t>
    <rPh sb="0" eb="2">
      <t>ジギョウ</t>
    </rPh>
    <rPh sb="3" eb="5">
      <t>ガイヨウ</t>
    </rPh>
    <phoneticPr fontId="1"/>
  </si>
  <si>
    <t>Ⅲ．産業廃棄物の処理・処分・再生利用状況</t>
    <rPh sb="2" eb="4">
      <t>サンギョウ</t>
    </rPh>
    <phoneticPr fontId="1"/>
  </si>
  <si>
    <t>Ⅰ．事業所での産業廃棄物の発生状況</t>
    <rPh sb="7" eb="9">
      <t>サンギョウ</t>
    </rPh>
    <phoneticPr fontId="1"/>
  </si>
  <si>
    <t>①産業廃棄物の名称</t>
    <rPh sb="1" eb="3">
      <t>サンギョウ</t>
    </rPh>
    <phoneticPr fontId="1"/>
  </si>
  <si>
    <t>　貴事業所から排出された産業廃棄物の処理・処分又は再生利用の方法を以下の項目から選び、番号を記入してください。</t>
    <rPh sb="12" eb="14">
      <t>サンギョウ</t>
    </rPh>
    <rPh sb="30" eb="32">
      <t>ホウホウ</t>
    </rPh>
    <rPh sb="33" eb="35">
      <t>イカ</t>
    </rPh>
    <phoneticPr fontId="1"/>
  </si>
  <si>
    <t>《自社で処理》</t>
    <rPh sb="1" eb="3">
      <t>ジシャ</t>
    </rPh>
    <rPh sb="4" eb="6">
      <t>ショリ</t>
    </rPh>
    <phoneticPr fontId="1"/>
  </si>
  <si>
    <t>《処理業者等に委託》</t>
    <rPh sb="1" eb="3">
      <t>ショリ</t>
    </rPh>
    <rPh sb="3" eb="5">
      <t>ギョウシャ</t>
    </rPh>
    <rPh sb="5" eb="6">
      <t>トウ</t>
    </rPh>
    <rPh sb="7" eb="9">
      <t>イタク</t>
    </rPh>
    <phoneticPr fontId="1"/>
  </si>
  <si>
    <t>２．自社の処分場で埋立処分</t>
    <rPh sb="2" eb="4">
      <t>ジシャ</t>
    </rPh>
    <rPh sb="5" eb="8">
      <t>ショブンジョウ</t>
    </rPh>
    <rPh sb="9" eb="11">
      <t>ウメタテ</t>
    </rPh>
    <rPh sb="11" eb="13">
      <t>ショブン</t>
    </rPh>
    <phoneticPr fontId="11"/>
  </si>
  <si>
    <t>《業者等に売却》</t>
    <rPh sb="1" eb="3">
      <t>ギョウシャ</t>
    </rPh>
    <rPh sb="3" eb="4">
      <t>トウ</t>
    </rPh>
    <rPh sb="5" eb="7">
      <t>バイキャク</t>
    </rPh>
    <phoneticPr fontId="1"/>
  </si>
  <si>
    <t>《その他》</t>
    <rPh sb="3" eb="4">
      <t>タ</t>
    </rPh>
    <phoneticPr fontId="1"/>
  </si>
  <si>
    <t>②分類コード</t>
    <rPh sb="1" eb="3">
      <t>ブンルイ</t>
    </rPh>
    <phoneticPr fontId="1"/>
  </si>
  <si>
    <t>　別紙「１．産業廃棄物分類コード表」を見て、その産業廃棄物が属する区分の４ケタの分類番号を記入してください。</t>
    <rPh sb="24" eb="26">
      <t>サンギョウ</t>
    </rPh>
    <rPh sb="33" eb="35">
      <t>クブン</t>
    </rPh>
    <phoneticPr fontId="1"/>
  </si>
  <si>
    <t>　処理・処分又は再生利用先の名称（業者名等）を記入してください。</t>
    <rPh sb="17" eb="19">
      <t>ギョウシャ</t>
    </rPh>
    <rPh sb="19" eb="20">
      <t>メイ</t>
    </rPh>
    <rPh sb="20" eb="21">
      <t>トウ</t>
    </rPh>
    <phoneticPr fontId="1"/>
  </si>
  <si>
    <t>産業廃棄物の種類</t>
    <rPh sb="0" eb="2">
      <t>サンギョウ</t>
    </rPh>
    <rPh sb="2" eb="5">
      <t>ハイキブツ</t>
    </rPh>
    <rPh sb="6" eb="8">
      <t>シュルイ</t>
    </rPh>
    <phoneticPr fontId="1"/>
  </si>
  <si>
    <t>換算比重</t>
    <rPh sb="0" eb="2">
      <t>カンザン</t>
    </rPh>
    <rPh sb="2" eb="4">
      <t>ヒジュウ</t>
    </rPh>
    <phoneticPr fontId="1"/>
  </si>
  <si>
    <t>燃え殻</t>
    <rPh sb="0" eb="1">
      <t>モ</t>
    </rPh>
    <rPh sb="2" eb="3">
      <t>ガラ</t>
    </rPh>
    <phoneticPr fontId="1"/>
  </si>
  <si>
    <t>繊維くず</t>
    <rPh sb="0" eb="2">
      <t>センイ</t>
    </rPh>
    <phoneticPr fontId="1"/>
  </si>
  <si>
    <t>汚泥</t>
    <rPh sb="0" eb="2">
      <t>オデイ</t>
    </rPh>
    <phoneticPr fontId="1"/>
  </si>
  <si>
    <t>ゴムくず</t>
  </si>
  <si>
    <t>廃油</t>
    <rPh sb="0" eb="2">
      <t>ハイユ</t>
    </rPh>
    <phoneticPr fontId="1"/>
  </si>
  <si>
    <t>金属くず</t>
    <rPh sb="0" eb="2">
      <t>キンゾク</t>
    </rPh>
    <phoneticPr fontId="1"/>
  </si>
  <si>
    <t>廃酸</t>
    <rPh sb="0" eb="2">
      <t>ハイサン</t>
    </rPh>
    <phoneticPr fontId="1"/>
  </si>
  <si>
    <t>鉱さい</t>
    <rPh sb="0" eb="1">
      <t>コウ</t>
    </rPh>
    <phoneticPr fontId="1"/>
  </si>
  <si>
    <t>廃アルカリ</t>
    <rPh sb="0" eb="1">
      <t>ハイ</t>
    </rPh>
    <phoneticPr fontId="1"/>
  </si>
  <si>
    <t>がれき類</t>
    <rPh sb="3" eb="4">
      <t>ルイ</t>
    </rPh>
    <phoneticPr fontId="1"/>
  </si>
  <si>
    <t>廃ﾌﾟﾗｽﾁｯｸ類</t>
    <rPh sb="0" eb="1">
      <t>ハイ</t>
    </rPh>
    <rPh sb="8" eb="9">
      <t>ルイ</t>
    </rPh>
    <phoneticPr fontId="1"/>
  </si>
  <si>
    <t>ばいじん</t>
  </si>
  <si>
    <t>紙くず</t>
    <rPh sb="0" eb="1">
      <t>カミ</t>
    </rPh>
    <phoneticPr fontId="1"/>
  </si>
  <si>
    <t>感染性廃棄物</t>
    <rPh sb="0" eb="3">
      <t>カンセンセイ</t>
    </rPh>
    <rPh sb="3" eb="6">
      <t>ハイキブツ</t>
    </rPh>
    <phoneticPr fontId="1"/>
  </si>
  <si>
    <t>　中間処理後に残った量を記入してください。単位は㎏、又はt(トン)のどちらかを選び、○で囲んでください。</t>
  </si>
  <si>
    <t>木くず</t>
    <rPh sb="0" eb="1">
      <t>キ</t>
    </rPh>
    <phoneticPr fontId="1"/>
  </si>
  <si>
    <t>Ⅱ．自己中間処理状況</t>
    <rPh sb="2" eb="4">
      <t>ジコ</t>
    </rPh>
    <phoneticPr fontId="1"/>
  </si>
  <si>
    <t>）</t>
    <phoneticPr fontId="1"/>
  </si>
  <si>
    <t>１．鉄鋼原材料</t>
    <rPh sb="2" eb="4">
      <t>テッコウ</t>
    </rPh>
    <rPh sb="4" eb="7">
      <t>ゲンザイリョウ</t>
    </rPh>
    <phoneticPr fontId="1"/>
  </si>
  <si>
    <t>５．飼料又はその原材料</t>
    <rPh sb="2" eb="4">
      <t>シリョウ</t>
    </rPh>
    <rPh sb="4" eb="5">
      <t>マタ</t>
    </rPh>
    <rPh sb="8" eb="11">
      <t>ゲンザイリョウ</t>
    </rPh>
    <phoneticPr fontId="1"/>
  </si>
  <si>
    <t>８．ガラス原材料</t>
    <rPh sb="5" eb="8">
      <t>ゲンザイリョウ</t>
    </rPh>
    <phoneticPr fontId="1"/>
  </si>
  <si>
    <t>２．非鉄金属・貴金属原材料</t>
    <rPh sb="2" eb="4">
      <t>ヒテツ</t>
    </rPh>
    <rPh sb="4" eb="6">
      <t>キンゾク</t>
    </rPh>
    <rPh sb="7" eb="10">
      <t>キキンゾク</t>
    </rPh>
    <rPh sb="10" eb="13">
      <t>ゲンザイリョウ</t>
    </rPh>
    <phoneticPr fontId="1"/>
  </si>
  <si>
    <t>６．建設材料（骨材、路盤材及び土地</t>
    <rPh sb="2" eb="4">
      <t>ケンセツ</t>
    </rPh>
    <rPh sb="4" eb="6">
      <t>ザイリョウ</t>
    </rPh>
    <rPh sb="7" eb="9">
      <t>コツザイ</t>
    </rPh>
    <rPh sb="10" eb="12">
      <t>ロバン</t>
    </rPh>
    <rPh sb="12" eb="13">
      <t>ザイ</t>
    </rPh>
    <rPh sb="13" eb="14">
      <t>オヨ</t>
    </rPh>
    <rPh sb="15" eb="17">
      <t>トチ</t>
    </rPh>
    <phoneticPr fontId="1"/>
  </si>
  <si>
    <t>９．プラスチック原材料</t>
    <rPh sb="8" eb="11">
      <t>ゲンザイリョウ</t>
    </rPh>
    <phoneticPr fontId="1"/>
  </si>
  <si>
    <t>３．燃料又はその原材料</t>
    <rPh sb="2" eb="4">
      <t>ネンリョウ</t>
    </rPh>
    <rPh sb="4" eb="5">
      <t>マタ</t>
    </rPh>
    <rPh sb="8" eb="11">
      <t>ゲンザイリョウ</t>
    </rPh>
    <phoneticPr fontId="1"/>
  </si>
  <si>
    <t>　　造成材料等）又はその原材料</t>
    <rPh sb="6" eb="7">
      <t>トウ</t>
    </rPh>
    <phoneticPr fontId="1"/>
  </si>
  <si>
    <t>10．その他→具体的に</t>
    <rPh sb="5" eb="6">
      <t>タ</t>
    </rPh>
    <rPh sb="7" eb="10">
      <t>グタイテキ</t>
    </rPh>
    <phoneticPr fontId="1"/>
  </si>
  <si>
    <t>４．肥料・土壌改良材又はその原材料</t>
    <rPh sb="2" eb="4">
      <t>ヒリョウ</t>
    </rPh>
    <rPh sb="5" eb="7">
      <t>ドジョウ</t>
    </rPh>
    <rPh sb="7" eb="10">
      <t>カイリョウザイ</t>
    </rPh>
    <rPh sb="10" eb="11">
      <t>マタ</t>
    </rPh>
    <rPh sb="14" eb="17">
      <t>ゲンザイリョウ</t>
    </rPh>
    <phoneticPr fontId="1"/>
  </si>
  <si>
    <t>７．パルプ・紙又はその原材料</t>
    <rPh sb="6" eb="7">
      <t>カミ</t>
    </rPh>
    <rPh sb="7" eb="8">
      <t>マタ</t>
    </rPh>
    <rPh sb="11" eb="14">
      <t>ゲンザイリョウ</t>
    </rPh>
    <phoneticPr fontId="1"/>
  </si>
  <si>
    <t>記　　入　　欄</t>
    <rPh sb="0" eb="1">
      <t>キ</t>
    </rPh>
    <rPh sb="3" eb="4">
      <t>イ</t>
    </rPh>
    <rPh sb="6" eb="7">
      <t>ラン</t>
    </rPh>
    <phoneticPr fontId="1"/>
  </si>
  <si>
    <t>①産業廃棄物の名称</t>
    <phoneticPr fontId="1"/>
  </si>
  <si>
    <t>③年間発生量</t>
    <rPh sb="1" eb="3">
      <t>ネンカン</t>
    </rPh>
    <rPh sb="3" eb="6">
      <t>ハッセイリョウ</t>
    </rPh>
    <phoneticPr fontId="1"/>
  </si>
  <si>
    <t>④中間処理方法</t>
    <rPh sb="1" eb="3">
      <t>チュウカン</t>
    </rPh>
    <rPh sb="3" eb="5">
      <t>ショリ</t>
    </rPh>
    <rPh sb="5" eb="7">
      <t>ホウホウ</t>
    </rPh>
    <phoneticPr fontId="1"/>
  </si>
  <si>
    <t>No</t>
    <phoneticPr fontId="1"/>
  </si>
  <si>
    <t>単位</t>
    <rPh sb="0" eb="2">
      <t>タンイ</t>
    </rPh>
    <phoneticPr fontId="1"/>
  </si>
  <si>
    <t>１次
処理</t>
    <rPh sb="1" eb="2">
      <t>ジ</t>
    </rPh>
    <rPh sb="3" eb="5">
      <t>ショリ</t>
    </rPh>
    <phoneticPr fontId="1"/>
  </si>
  <si>
    <t>２次
処理</t>
    <rPh sb="1" eb="2">
      <t>ジ</t>
    </rPh>
    <rPh sb="3" eb="5">
      <t>ショリ</t>
    </rPh>
    <phoneticPr fontId="1"/>
  </si>
  <si>
    <t>３次
処理</t>
    <rPh sb="1" eb="2">
      <t>ジ</t>
    </rPh>
    <rPh sb="3" eb="5">
      <t>ショリ</t>
    </rPh>
    <phoneticPr fontId="1"/>
  </si>
  <si>
    <t>kg</t>
    <phoneticPr fontId="1"/>
  </si>
  <si>
    <t>→</t>
    <phoneticPr fontId="1"/>
  </si>
  <si>
    <t>ｔ</t>
    <phoneticPr fontId="1"/>
  </si>
  <si>
    <t>記入欄が不足する場合は、本ページをコピーして記入してください。</t>
  </si>
  <si>
    <t>別紙「２．地域コード表」
の地域コードを記入</t>
    <phoneticPr fontId="1"/>
  </si>
  <si>
    <t>事業コード</t>
    <rPh sb="0" eb="2">
      <t>ジギョウ</t>
    </rPh>
    <phoneticPr fontId="1"/>
  </si>
  <si>
    <t>③年間発生量、⑤・⑩中間処理後の量は、　　　小数点以下１桁まで記入してください</t>
    <rPh sb="1" eb="3">
      <t>ネンカン</t>
    </rPh>
    <rPh sb="3" eb="5">
      <t>ハッセイ</t>
    </rPh>
    <rPh sb="5" eb="6">
      <t>リョウ</t>
    </rPh>
    <rPh sb="10" eb="12">
      <t>チュウカン</t>
    </rPh>
    <rPh sb="12" eb="14">
      <t>ショリ</t>
    </rPh>
    <rPh sb="14" eb="15">
      <t>ゴ</t>
    </rPh>
    <rPh sb="16" eb="17">
      <t>リョウ</t>
    </rPh>
    <rPh sb="22" eb="25">
      <t>ショウスウテン</t>
    </rPh>
    <rPh sb="25" eb="27">
      <t>イカ</t>
    </rPh>
    <rPh sb="28" eb="29">
      <t>ケタ</t>
    </rPh>
    <rPh sb="31" eb="33">
      <t>キニュウ</t>
    </rPh>
    <phoneticPr fontId="1"/>
  </si>
  <si>
    <t>別紙「１．産業廃棄物分類コード表」
の種類コードを記入</t>
    <rPh sb="5" eb="7">
      <t>サンギョウ</t>
    </rPh>
    <rPh sb="19" eb="20">
      <t>シュ</t>
    </rPh>
    <rPh sb="25" eb="27">
      <t>キニュウ</t>
    </rPh>
    <phoneticPr fontId="1"/>
  </si>
  <si>
    <t>別紙「２．地域コード表」の地域コードを記入</t>
    <phoneticPr fontId="1"/>
  </si>
  <si>
    <t>従　業　者　数</t>
    <rPh sb="0" eb="1">
      <t>ジュウ</t>
    </rPh>
    <rPh sb="2" eb="3">
      <t>ギョウ</t>
    </rPh>
    <rPh sb="4" eb="5">
      <t>モノ</t>
    </rPh>
    <rPh sb="6" eb="7">
      <t>スウ</t>
    </rPh>
    <phoneticPr fontId="1"/>
  </si>
  <si>
    <t>１．製造業：製造品出荷額（万円/年）</t>
    <rPh sb="2" eb="5">
      <t>セイゾウギョウ</t>
    </rPh>
    <rPh sb="6" eb="9">
      <t>セイゾウヒン</t>
    </rPh>
    <rPh sb="9" eb="11">
      <t>シュッカ</t>
    </rPh>
    <rPh sb="11" eb="12">
      <t>ガク</t>
    </rPh>
    <rPh sb="13" eb="15">
      <t>マンエン</t>
    </rPh>
    <rPh sb="16" eb="17">
      <t>ネン</t>
    </rPh>
    <phoneticPr fontId="1"/>
  </si>
  <si>
    <t>３．その他：記入不要</t>
    <rPh sb="4" eb="5">
      <t>タ</t>
    </rPh>
    <rPh sb="6" eb="8">
      <t>キニュウ</t>
    </rPh>
    <rPh sb="8" eb="10">
      <t>フヨウ</t>
    </rPh>
    <phoneticPr fontId="1"/>
  </si>
  <si>
    <t>人</t>
    <rPh sb="0" eb="1">
      <t>ヒト</t>
    </rPh>
    <phoneticPr fontId="1"/>
  </si>
  <si>
    <t>（万円/年）</t>
    <rPh sb="1" eb="3">
      <t>マンエン</t>
    </rPh>
    <rPh sb="4" eb="5">
      <t>ネン</t>
    </rPh>
    <phoneticPr fontId="1"/>
  </si>
  <si>
    <t>事業所の形態</t>
    <rPh sb="0" eb="3">
      <t>ジギョウショ</t>
    </rPh>
    <rPh sb="4" eb="6">
      <t>ケイタイ</t>
    </rPh>
    <phoneticPr fontId="1"/>
  </si>
  <si>
    <t>　貴事業所の形態に該当する番号を○で囲んでください。</t>
    <rPh sb="1" eb="2">
      <t>キ</t>
    </rPh>
    <rPh sb="2" eb="5">
      <t>ジギョウショ</t>
    </rPh>
    <rPh sb="6" eb="8">
      <t>ケイタイ</t>
    </rPh>
    <rPh sb="9" eb="11">
      <t>ガイトウ</t>
    </rPh>
    <rPh sb="13" eb="15">
      <t>バンゴウ</t>
    </rPh>
    <rPh sb="18" eb="19">
      <t>カコ</t>
    </rPh>
    <phoneticPr fontId="1"/>
  </si>
  <si>
    <t>１.工場・作業所（＋事務所）</t>
    <rPh sb="2" eb="4">
      <t>コウジョウ</t>
    </rPh>
    <rPh sb="5" eb="7">
      <t>サギョウ</t>
    </rPh>
    <rPh sb="7" eb="8">
      <t>ショ</t>
    </rPh>
    <rPh sb="10" eb="12">
      <t>ジム</t>
    </rPh>
    <rPh sb="12" eb="13">
      <t>ショ</t>
    </rPh>
    <phoneticPr fontId="1"/>
  </si>
  <si>
    <t>２.開発・研究所（＋事務所）</t>
    <rPh sb="2" eb="4">
      <t>カイハツ</t>
    </rPh>
    <rPh sb="5" eb="8">
      <t>ケンキュウショ</t>
    </rPh>
    <rPh sb="10" eb="12">
      <t>ジム</t>
    </rPh>
    <rPh sb="12" eb="13">
      <t>ショ</t>
    </rPh>
    <phoneticPr fontId="1"/>
  </si>
  <si>
    <t>３.事務所、オフィスのみ</t>
    <rPh sb="2" eb="4">
      <t>ジム</t>
    </rPh>
    <rPh sb="4" eb="5">
      <t>ショ</t>
    </rPh>
    <phoneticPr fontId="1"/>
  </si>
  <si>
    <t>４.その他⇒具体的に</t>
    <rPh sb="4" eb="5">
      <t>タ</t>
    </rPh>
    <rPh sb="6" eb="9">
      <t>グタイテキ</t>
    </rPh>
    <phoneticPr fontId="1"/>
  </si>
  <si>
    <t>（</t>
    <phoneticPr fontId="1"/>
  </si>
  <si>
    <t>産業廃棄物の発生状況</t>
    <rPh sb="0" eb="2">
      <t>サンギョウ</t>
    </rPh>
    <rPh sb="2" eb="5">
      <t>ハイキブツ</t>
    </rPh>
    <rPh sb="6" eb="8">
      <t>ハッセイ</t>
    </rPh>
    <rPh sb="8" eb="10">
      <t>ジョウキョウ</t>
    </rPh>
    <phoneticPr fontId="1"/>
  </si>
  <si>
    <r>
      <t>１．産業廃棄物が</t>
    </r>
    <r>
      <rPr>
        <b/>
        <u/>
        <sz val="9"/>
        <rFont val="ＭＳ ゴシック"/>
        <family val="3"/>
        <charset val="128"/>
      </rPr>
      <t>発生した</t>
    </r>
    <rPh sb="2" eb="4">
      <t>サンギョウ</t>
    </rPh>
    <rPh sb="4" eb="7">
      <t>ハイキブツ</t>
    </rPh>
    <rPh sb="8" eb="10">
      <t>ハッセイ</t>
    </rPh>
    <phoneticPr fontId="1"/>
  </si>
  <si>
    <r>
      <t>２．産業廃棄物は</t>
    </r>
    <r>
      <rPr>
        <b/>
        <u/>
        <sz val="9"/>
        <rFont val="ＭＳ ゴシック"/>
        <family val="3"/>
        <charset val="128"/>
      </rPr>
      <t>発生しなかった</t>
    </r>
    <rPh sb="2" eb="4">
      <t>サンギョウ</t>
    </rPh>
    <rPh sb="4" eb="7">
      <t>ハイキブツ</t>
    </rPh>
    <rPh sb="8" eb="10">
      <t>ハッセイ</t>
    </rPh>
    <phoneticPr fontId="1"/>
  </si>
  <si>
    <t>（次ページ）</t>
    <rPh sb="1" eb="2">
      <t>ジ</t>
    </rPh>
    <phoneticPr fontId="1"/>
  </si>
  <si>
    <t>６．処理業者等に埋立処分を委託（中間処理せず直接埋立）</t>
    <rPh sb="2" eb="4">
      <t>ショリ</t>
    </rPh>
    <rPh sb="4" eb="6">
      <t>ギョウシャ</t>
    </rPh>
    <rPh sb="6" eb="7">
      <t>トウ</t>
    </rPh>
    <rPh sb="8" eb="10">
      <t>ウメタテ</t>
    </rPh>
    <rPh sb="10" eb="12">
      <t>ショブン</t>
    </rPh>
    <phoneticPr fontId="1"/>
  </si>
  <si>
    <t>《 記入上の注意等 》</t>
    <rPh sb="2" eb="3">
      <t>キ</t>
    </rPh>
    <rPh sb="3" eb="4">
      <t>イリ</t>
    </rPh>
    <rPh sb="4" eb="5">
      <t>ジョウ</t>
    </rPh>
    <rPh sb="6" eb="7">
      <t>チュウ</t>
    </rPh>
    <rPh sb="7" eb="8">
      <t>イ</t>
    </rPh>
    <rPh sb="8" eb="9">
      <t>トウ</t>
    </rPh>
    <phoneticPr fontId="1"/>
  </si>
  <si>
    <t>　１．</t>
    <phoneticPr fontId="1"/>
  </si>
  <si>
    <t>　２．</t>
    <phoneticPr fontId="1"/>
  </si>
  <si>
    <t>　３．</t>
    <phoneticPr fontId="1"/>
  </si>
  <si>
    <t>　調査票への記入に際しては、別紙「調査票の記入要領・記入例」を参考にしてください｡</t>
    <phoneticPr fontId="1"/>
  </si>
  <si>
    <t>　４．</t>
    <phoneticPr fontId="1"/>
  </si>
  <si>
    <t>分からない場合は以下に詳しい事業内容を記入してください</t>
    <phoneticPr fontId="1"/>
  </si>
  <si>
    <t>（</t>
    <phoneticPr fontId="1"/>
  </si>
  <si>
    <t>別添</t>
    <rPh sb="0" eb="2">
      <t>ベッテン</t>
    </rPh>
    <phoneticPr fontId="1"/>
  </si>
  <si>
    <t>　別紙「１．産業廃棄物分類コード表」を参照し、日常使用している名称で記入してください。</t>
    <phoneticPr fontId="1"/>
  </si>
  <si>
    <t>(</t>
    <phoneticPr fontId="1"/>
  </si>
  <si>
    <t>)</t>
    <phoneticPr fontId="1"/>
  </si>
  <si>
    <t>③年間発生量（中間処理する前の量）</t>
    <phoneticPr fontId="1"/>
  </si>
  <si>
    <t>１．１４</t>
    <phoneticPr fontId="1"/>
  </si>
  <si>
    <t>０．１２</t>
    <phoneticPr fontId="1"/>
  </si>
  <si>
    <t>１．１０</t>
    <phoneticPr fontId="1"/>
  </si>
  <si>
    <t>０．５２</t>
    <phoneticPr fontId="1"/>
  </si>
  <si>
    <t>０．９０</t>
    <phoneticPr fontId="1"/>
  </si>
  <si>
    <t>１．１３</t>
    <phoneticPr fontId="1"/>
  </si>
  <si>
    <t>１．焼却</t>
    <phoneticPr fontId="1"/>
  </si>
  <si>
    <t>１．２５</t>
    <phoneticPr fontId="1"/>
  </si>
  <si>
    <t>１．９３</t>
    <phoneticPr fontId="1"/>
  </si>
  <si>
    <t>１．４８</t>
    <phoneticPr fontId="1"/>
  </si>
  <si>
    <t>11．その他→具体的に</t>
    <phoneticPr fontId="1"/>
  </si>
  <si>
    <t>(</t>
    <phoneticPr fontId="1"/>
  </si>
  <si>
    <t>)</t>
    <phoneticPr fontId="1"/>
  </si>
  <si>
    <t>０．３５</t>
    <phoneticPr fontId="1"/>
  </si>
  <si>
    <t>１．２６</t>
    <phoneticPr fontId="1"/>
  </si>
  <si>
    <t>０．３０</t>
    <phoneticPr fontId="1"/>
  </si>
  <si>
    <t>０．５５</t>
    <phoneticPr fontId="1"/>
  </si>
  <si>
    <t>④中間処理方法</t>
    <phoneticPr fontId="1"/>
  </si>
  <si>
    <t>１．再生利用・リサイクル</t>
    <phoneticPr fontId="1"/>
  </si>
  <si>
    <t>２．埋立処分</t>
    <phoneticPr fontId="1"/>
  </si>
  <si>
    <t>※廃タイヤ１本の重量を把握していない場合は、以下のように換算してください。</t>
    <phoneticPr fontId="1"/>
  </si>
  <si>
    <t>　　（</t>
    <phoneticPr fontId="1"/>
  </si>
  <si>
    <t>）</t>
    <phoneticPr fontId="1"/>
  </si>
  <si>
    <t>①産業廃棄物の名称</t>
    <phoneticPr fontId="1"/>
  </si>
  <si>
    <t>No</t>
    <phoneticPr fontId="1"/>
  </si>
  <si>
    <t>kg</t>
    <phoneticPr fontId="1"/>
  </si>
  <si>
    <t>→</t>
    <phoneticPr fontId="1"/>
  </si>
  <si>
    <t>ｔ</t>
    <phoneticPr fontId="1"/>
  </si>
  <si>
    <t>kg</t>
    <phoneticPr fontId="1"/>
  </si>
  <si>
    <t>→</t>
    <phoneticPr fontId="1"/>
  </si>
  <si>
    <t>ｔ</t>
    <phoneticPr fontId="1"/>
  </si>
  <si>
    <t>別紙「２．地域コード表」
の地域コードを記入</t>
    <phoneticPr fontId="1"/>
  </si>
  <si>
    <t>別紙「２．地域コード表」の地域コードを記入</t>
    <phoneticPr fontId="1"/>
  </si>
  <si>
    <t>３．業者等に売却</t>
    <rPh sb="2" eb="4">
      <t>ギョウシャ</t>
    </rPh>
    <rPh sb="4" eb="5">
      <t>トウ</t>
    </rPh>
    <rPh sb="6" eb="8">
      <t>バイキャク</t>
    </rPh>
    <phoneticPr fontId="1"/>
  </si>
  <si>
    <t>５．処理業者等に中間処理を委託</t>
    <rPh sb="2" eb="4">
      <t>ショリ</t>
    </rPh>
    <rPh sb="4" eb="6">
      <t>ギョウシャ</t>
    </rPh>
    <rPh sb="6" eb="7">
      <t>トウ</t>
    </rPh>
    <rPh sb="8" eb="10">
      <t>チュウカン</t>
    </rPh>
    <rPh sb="10" eb="12">
      <t>ショリ</t>
    </rPh>
    <rPh sb="13" eb="15">
      <t>イタク</t>
    </rPh>
    <phoneticPr fontId="1"/>
  </si>
  <si>
    <t>４．資源回収業者に引き渡した</t>
    <rPh sb="2" eb="4">
      <t>シゲン</t>
    </rPh>
    <rPh sb="4" eb="6">
      <t>カイシュウ</t>
    </rPh>
    <rPh sb="6" eb="8">
      <t>ギョウシャ</t>
    </rPh>
    <rPh sb="9" eb="10">
      <t>ヒ</t>
    </rPh>
    <rPh sb="11" eb="12">
      <t>ワタ</t>
    </rPh>
    <phoneticPr fontId="1"/>
  </si>
  <si>
    <t>７．集積・保管等</t>
    <rPh sb="2" eb="4">
      <t>シュウセキ</t>
    </rPh>
    <rPh sb="5" eb="7">
      <t>ホカン</t>
    </rPh>
    <rPh sb="7" eb="8">
      <t>トウ</t>
    </rPh>
    <phoneticPr fontId="1"/>
  </si>
  <si>
    <t>９．切断</t>
    <rPh sb="2" eb="4">
      <t>セツダン</t>
    </rPh>
    <phoneticPr fontId="1"/>
  </si>
  <si>
    <t>〒</t>
    <phoneticPr fontId="1"/>
  </si>
  <si>
    <t>　　　－</t>
    <phoneticPr fontId="1"/>
  </si>
  <si>
    <t>（　　　）　　　－</t>
    <phoneticPr fontId="1"/>
  </si>
  <si>
    <t>記入者氏名</t>
  </si>
  <si>
    <t>担当部課</t>
    <rPh sb="0" eb="2">
      <t>タントウ</t>
    </rPh>
    <phoneticPr fontId="1"/>
  </si>
  <si>
    <t>　『産業廃棄物』に指定されている品目を別紙「1.産業廃棄物分類コード表」に示します。
　なお、事務所から発生する紙ごみ、生ごみ等は「産業廃棄物」ではなく、事業系の「一般廃棄物」です。</t>
    <rPh sb="2" eb="4">
      <t>サンギョウ</t>
    </rPh>
    <rPh sb="4" eb="7">
      <t>ハイキブツ</t>
    </rPh>
    <rPh sb="9" eb="11">
      <t>シテイ</t>
    </rPh>
    <rPh sb="16" eb="18">
      <t>ヒンモク</t>
    </rPh>
    <rPh sb="19" eb="21">
      <t>ベッシ</t>
    </rPh>
    <rPh sb="24" eb="26">
      <t>サンギョウ</t>
    </rPh>
    <rPh sb="26" eb="29">
      <t>ハイキブツ</t>
    </rPh>
    <rPh sb="29" eb="31">
      <t>ブンルイ</t>
    </rPh>
    <rPh sb="34" eb="35">
      <t>ヒョウ</t>
    </rPh>
    <rPh sb="37" eb="38">
      <t>シメ</t>
    </rPh>
    <phoneticPr fontId="1"/>
  </si>
  <si>
    <t>）</t>
    <phoneticPr fontId="1"/>
  </si>
  <si>
    <t>１．自社で再(生)利用</t>
    <rPh sb="2" eb="4">
      <t>ジシャ</t>
    </rPh>
    <rPh sb="5" eb="6">
      <t>サイ</t>
    </rPh>
    <rPh sb="7" eb="8">
      <t>ショウ</t>
    </rPh>
    <rPh sb="9" eb="11">
      <t>リヨウ</t>
    </rPh>
    <phoneticPr fontId="1"/>
  </si>
  <si>
    <t>８．その他→具体的に</t>
    <phoneticPr fontId="1"/>
  </si>
  <si>
    <t>貴事業所で中間処理した場合は、Ⅱに必要事項を記入してください。</t>
    <rPh sb="0" eb="4">
      <t>キジギョウショ</t>
    </rPh>
    <rPh sb="17" eb="19">
      <t>ヒツヨウ</t>
    </rPh>
    <rPh sb="19" eb="21">
      <t>ジコウ</t>
    </rPh>
    <phoneticPr fontId="1"/>
  </si>
  <si>
    <t>貴事業所で中間処理をしていない場合は、Ⅱを記入せず、Ⅲのみ記入してください。</t>
    <rPh sb="0" eb="4">
      <t>キジギョウショ</t>
    </rPh>
    <rPh sb="5" eb="7">
      <t>チュウカン</t>
    </rPh>
    <rPh sb="7" eb="9">
      <t>ショリ</t>
    </rPh>
    <rPh sb="15" eb="17">
      <t>バアイ</t>
    </rPh>
    <rPh sb="21" eb="23">
      <t>キニュウ</t>
    </rPh>
    <rPh sb="29" eb="31">
      <t>キニュウ</t>
    </rPh>
    <phoneticPr fontId="1"/>
  </si>
  <si>
    <t>　処理・処分又は再生利用先の所在地（処理施設、埋立処分場の所在地）について、別紙「２．地域コード表」を見て、地域コードを記入してください。</t>
    <rPh sb="51" eb="52">
      <t>ミ</t>
    </rPh>
    <rPh sb="54" eb="56">
      <t>チイキ</t>
    </rPh>
    <phoneticPr fontId="1"/>
  </si>
  <si>
    <t>　貴事業所で産業廃棄物を中間処理した場合、中間処理方法に該当する番号を以下の項目から選び、中間処理の過程順に記入してください。</t>
    <rPh sb="1" eb="2">
      <t>キ</t>
    </rPh>
    <rPh sb="2" eb="5">
      <t>ジギョウショ</t>
    </rPh>
    <rPh sb="6" eb="8">
      <t>サンギョウ</t>
    </rPh>
    <rPh sb="8" eb="11">
      <t>ハイキブツ</t>
    </rPh>
    <rPh sb="25" eb="27">
      <t>ホウホウ</t>
    </rPh>
    <phoneticPr fontId="1"/>
  </si>
  <si>
    <t>14．混合</t>
    <rPh sb="3" eb="5">
      <t>コンゴウ</t>
    </rPh>
    <phoneticPr fontId="1"/>
  </si>
  <si>
    <t>20．最終処分</t>
    <rPh sb="3" eb="5">
      <t>サイシュウ</t>
    </rPh>
    <rPh sb="5" eb="7">
      <t>ショブン</t>
    </rPh>
    <phoneticPr fontId="1"/>
  </si>
  <si>
    <t>16．再生</t>
    <rPh sb="3" eb="5">
      <t>サイセイ</t>
    </rPh>
    <phoneticPr fontId="1"/>
  </si>
  <si>
    <t>２．焼成</t>
    <rPh sb="2" eb="4">
      <t>ショウセイ</t>
    </rPh>
    <phoneticPr fontId="1"/>
  </si>
  <si>
    <t>３．溶融</t>
    <phoneticPr fontId="1"/>
  </si>
  <si>
    <t>９．堆肥化</t>
    <rPh sb="2" eb="5">
      <t>タイヒカ</t>
    </rPh>
    <phoneticPr fontId="1"/>
  </si>
  <si>
    <t>１･２</t>
  </si>
  <si>
    <t>１･２</t>
    <phoneticPr fontId="1"/>
  </si>
  <si>
    <t>４．熱分解</t>
    <rPh sb="2" eb="5">
      <t>ネツブンカイ</t>
    </rPh>
    <phoneticPr fontId="1"/>
  </si>
  <si>
    <t>５．脱水</t>
    <phoneticPr fontId="1"/>
  </si>
  <si>
    <t>６．乾燥</t>
    <phoneticPr fontId="1"/>
  </si>
  <si>
    <t>７．油水分離</t>
    <phoneticPr fontId="1"/>
  </si>
  <si>
    <t>８．破砕</t>
    <phoneticPr fontId="1"/>
  </si>
  <si>
    <t>10．破砕・選別</t>
    <rPh sb="3" eb="5">
      <t>ハサイ</t>
    </rPh>
    <rPh sb="6" eb="8">
      <t>センベツ</t>
    </rPh>
    <phoneticPr fontId="1"/>
  </si>
  <si>
    <t>11．圧縮</t>
    <phoneticPr fontId="1"/>
  </si>
  <si>
    <t>12．減容</t>
    <rPh sb="3" eb="4">
      <t>ゲン</t>
    </rPh>
    <rPh sb="4" eb="5">
      <t>ヨウ</t>
    </rPh>
    <phoneticPr fontId="1"/>
  </si>
  <si>
    <t>13．中和</t>
    <phoneticPr fontId="1"/>
  </si>
  <si>
    <t>15．蒸留</t>
    <rPh sb="3" eb="5">
      <t>ジョウリュウ</t>
    </rPh>
    <phoneticPr fontId="1"/>
  </si>
  <si>
    <t>17．堆肥化</t>
    <rPh sb="3" eb="6">
      <t>タイヒカ</t>
    </rPh>
    <phoneticPr fontId="1"/>
  </si>
  <si>
    <t>18．固化</t>
    <rPh sb="3" eb="5">
      <t>コカ</t>
    </rPh>
    <phoneticPr fontId="1"/>
  </si>
  <si>
    <t>19．コンクリート固型化</t>
    <phoneticPr fontId="1"/>
  </si>
  <si>
    <t>21．その他→具体的に</t>
    <phoneticPr fontId="1"/>
  </si>
  <si>
    <t>２．熱分解</t>
    <rPh sb="2" eb="5">
      <t>ネツブンカイ</t>
    </rPh>
    <phoneticPr fontId="1"/>
  </si>
  <si>
    <t>３．脱水</t>
    <phoneticPr fontId="1"/>
  </si>
  <si>
    <t>４．乾燥</t>
    <phoneticPr fontId="1"/>
  </si>
  <si>
    <t>５．油水分離</t>
    <phoneticPr fontId="1"/>
  </si>
  <si>
    <t>６．破砕・選別</t>
    <rPh sb="5" eb="7">
      <t>センベツ</t>
    </rPh>
    <phoneticPr fontId="1"/>
  </si>
  <si>
    <t>７．圧縮</t>
    <phoneticPr fontId="1"/>
  </si>
  <si>
    <t>８．中和</t>
    <phoneticPr fontId="1"/>
  </si>
  <si>
    <t>10．コンクリート固型化</t>
    <phoneticPr fontId="1"/>
  </si>
  <si>
    <t>　中間処理後に残った量を記入してください。単位は㎏、又はt(トン)のどちらかを選び、"○"で囲んでください。</t>
    <phoneticPr fontId="1"/>
  </si>
  <si>
    <t>（別紙の事業コード表参照）</t>
    <rPh sb="1" eb="3">
      <t>ベッシ</t>
    </rPh>
    <rPh sb="4" eb="6">
      <t>ジギョウ</t>
    </rPh>
    <rPh sb="9" eb="10">
      <t>ヒョウ</t>
    </rPh>
    <rPh sb="10" eb="12">
      <t>サンショウ</t>
    </rPh>
    <phoneticPr fontId="1"/>
  </si>
  <si>
    <t>　本調査で対象とする「産業廃棄物」は事業活動に伴って生じた廃棄物のうち法令で定められた20種類及び特別管理産業廃棄物を指します。
（業者等に売却したものも対象となります。）
　「産業廃棄物」の具体的な内容は、別紙「１．産業廃棄物分類コード表」を参照してください。
　なお、「産業廃棄物」が発生しない場合でも調査の対象となります。その場合は、本ページのみご記入の上、調査票を返送願います。</t>
    <rPh sb="1" eb="4">
      <t>ホンチョウサ</t>
    </rPh>
    <rPh sb="5" eb="7">
      <t>タイショウ</t>
    </rPh>
    <rPh sb="11" eb="13">
      <t>サンギョウ</t>
    </rPh>
    <rPh sb="13" eb="16">
      <t>ハイキブツ</t>
    </rPh>
    <rPh sb="18" eb="20">
      <t>ジギョウ</t>
    </rPh>
    <rPh sb="20" eb="22">
      <t>カツドウ</t>
    </rPh>
    <rPh sb="23" eb="24">
      <t>トモナ</t>
    </rPh>
    <rPh sb="26" eb="27">
      <t>ショウ</t>
    </rPh>
    <rPh sb="29" eb="32">
      <t>ハイキブツ</t>
    </rPh>
    <rPh sb="35" eb="37">
      <t>ホウレイ</t>
    </rPh>
    <rPh sb="38" eb="39">
      <t>サダ</t>
    </rPh>
    <rPh sb="45" eb="47">
      <t>シュルイ</t>
    </rPh>
    <rPh sb="47" eb="48">
      <t>オヨ</t>
    </rPh>
    <rPh sb="49" eb="51">
      <t>トクベツ</t>
    </rPh>
    <rPh sb="51" eb="53">
      <t>カンリ</t>
    </rPh>
    <rPh sb="53" eb="55">
      <t>サンギョウ</t>
    </rPh>
    <rPh sb="55" eb="58">
      <t>ハイキブツ</t>
    </rPh>
    <rPh sb="59" eb="60">
      <t>サ</t>
    </rPh>
    <rPh sb="66" eb="68">
      <t>ギョウシャ</t>
    </rPh>
    <rPh sb="68" eb="69">
      <t>ナド</t>
    </rPh>
    <rPh sb="70" eb="72">
      <t>バイキャク</t>
    </rPh>
    <rPh sb="77" eb="79">
      <t>タイショウ</t>
    </rPh>
    <rPh sb="89" eb="91">
      <t>サンギョウ</t>
    </rPh>
    <rPh sb="91" eb="94">
      <t>ハイキブツ</t>
    </rPh>
    <rPh sb="100" eb="102">
      <t>ナイヨウ</t>
    </rPh>
    <rPh sb="170" eb="171">
      <t>ホン</t>
    </rPh>
    <rPh sb="182" eb="185">
      <t>チョウサヒョウ</t>
    </rPh>
    <rPh sb="188" eb="189">
      <t>ネガ</t>
    </rPh>
    <phoneticPr fontId="1"/>
  </si>
  <si>
    <t>２．卸・小売業：販売額（万円/年）</t>
    <rPh sb="2" eb="3">
      <t>オロシ</t>
    </rPh>
    <rPh sb="4" eb="7">
      <t>コウリギョウ</t>
    </rPh>
    <rPh sb="8" eb="10">
      <t>ハンバイ</t>
    </rPh>
    <rPh sb="10" eb="11">
      <t>ガク</t>
    </rPh>
    <rPh sb="12" eb="14">
      <t>マンエン</t>
    </rPh>
    <rPh sb="15" eb="16">
      <t>ネン</t>
    </rPh>
    <phoneticPr fontId="1"/>
  </si>
  <si>
    <r>
      <t>　本調査は事業所単位で行いますので、調査票が送付された事業所に関してお答えください。
　調査票が送付された事業所以外に本社(本店)、支社(支店)、工場等が所在しても、それらについては調査の対象となりません。ただし、</t>
    </r>
    <r>
      <rPr>
        <b/>
        <sz val="10"/>
        <rFont val="ＭＳ 明朝"/>
        <family val="1"/>
        <charset val="128"/>
      </rPr>
      <t>農業協同組合・漁業協同組合については、支所なども含めた全体での取扱量をお答えください。</t>
    </r>
    <rPh sb="107" eb="109">
      <t>ノウギョウ</t>
    </rPh>
    <rPh sb="126" eb="128">
      <t>シショ</t>
    </rPh>
    <rPh sb="131" eb="132">
      <t>フク</t>
    </rPh>
    <rPh sb="134" eb="136">
      <t>ゼンタイ</t>
    </rPh>
    <rPh sb="138" eb="141">
      <t>トリアツカイリョウ</t>
    </rPh>
    <rPh sb="143" eb="144">
      <t>コタ</t>
    </rPh>
    <phoneticPr fontId="1"/>
  </si>
  <si>
    <t>１･２</t>
    <phoneticPr fontId="1"/>
  </si>
  <si>
    <t xml:space="preserve">　回答いただきました内容につきましては、統計数値として処理いたしますので、個々の事業所名を公表したり、調査の目的以外に使用することはありません。
</t>
    <rPh sb="1" eb="3">
      <t>カイトウ</t>
    </rPh>
    <rPh sb="10" eb="12">
      <t>ナイヨウ</t>
    </rPh>
    <rPh sb="20" eb="22">
      <t>トウケイ</t>
    </rPh>
    <rPh sb="22" eb="24">
      <t>スウチ</t>
    </rPh>
    <rPh sb="27" eb="29">
      <t>ショリ</t>
    </rPh>
    <rPh sb="37" eb="39">
      <t>ココ</t>
    </rPh>
    <rPh sb="40" eb="43">
      <t>ジギョウショ</t>
    </rPh>
    <rPh sb="43" eb="44">
      <t>メイ</t>
    </rPh>
    <rPh sb="45" eb="47">
      <t>コウヒョウ</t>
    </rPh>
    <rPh sb="51" eb="53">
      <t>チョウサ</t>
    </rPh>
    <rPh sb="54" eb="56">
      <t>モクテキ</t>
    </rPh>
    <rPh sb="56" eb="58">
      <t>イガイ</t>
    </rPh>
    <rPh sb="59" eb="61">
      <t>シヨウ</t>
    </rPh>
    <phoneticPr fontId="1"/>
  </si>
  <si>
    <t>１．発電</t>
    <rPh sb="2" eb="4">
      <t>ハツデン</t>
    </rPh>
    <phoneticPr fontId="1"/>
  </si>
  <si>
    <t>２．熱利用</t>
    <rPh sb="2" eb="3">
      <t>ネツ</t>
    </rPh>
    <rPh sb="3" eb="5">
      <t>リヨウ</t>
    </rPh>
    <phoneticPr fontId="1"/>
  </si>
  <si>
    <r>
      <t xml:space="preserve">⑤
</t>
    </r>
    <r>
      <rPr>
        <sz val="7"/>
        <rFont val="ＭＳ 明朝"/>
        <family val="1"/>
        <charset val="128"/>
      </rPr>
      <t>ｴﾈﾙｷﾞｰ
回収</t>
    </r>
    <rPh sb="9" eb="11">
      <t>カイシュウ</t>
    </rPh>
    <phoneticPr fontId="1"/>
  </si>
  <si>
    <t>⑥中間処理後の量</t>
    <phoneticPr fontId="1"/>
  </si>
  <si>
    <t>⑥中間処理後の量</t>
    <rPh sb="1" eb="3">
      <t>チュウカン</t>
    </rPh>
    <rPh sb="3" eb="6">
      <t>ショリゴ</t>
    </rPh>
    <rPh sb="7" eb="8">
      <t>リョウ</t>
    </rPh>
    <phoneticPr fontId="1"/>
  </si>
  <si>
    <t>⑦処理・処分又は再生利用の方法</t>
    <rPh sb="1" eb="3">
      <t>ショリ</t>
    </rPh>
    <rPh sb="4" eb="6">
      <t>ショブン</t>
    </rPh>
    <rPh sb="6" eb="7">
      <t>マタ</t>
    </rPh>
    <rPh sb="8" eb="9">
      <t>サイ</t>
    </rPh>
    <rPh sb="9" eb="10">
      <t>ショウ</t>
    </rPh>
    <rPh sb="10" eb="12">
      <t>リヨウ</t>
    </rPh>
    <rPh sb="13" eb="15">
      <t>ホウホウ</t>
    </rPh>
    <phoneticPr fontId="1"/>
  </si>
  <si>
    <t>⑧処理・処分又は再生利用先の名称</t>
    <phoneticPr fontId="1"/>
  </si>
  <si>
    <t>⑨地域コード</t>
    <rPh sb="1" eb="3">
      <t>チイキ</t>
    </rPh>
    <phoneticPr fontId="1"/>
  </si>
  <si>
    <t>⑩中間処理方法</t>
    <phoneticPr fontId="1"/>
  </si>
  <si>
    <t>⑪エネルギー回収の状況</t>
    <rPh sb="6" eb="8">
      <t>カイシュウ</t>
    </rPh>
    <rPh sb="9" eb="11">
      <t>ジョウキョウ</t>
    </rPh>
    <phoneticPr fontId="1"/>
  </si>
  <si>
    <t>⑤エネルギー回収の状況</t>
    <rPh sb="6" eb="8">
      <t>カイシュウ</t>
    </rPh>
    <rPh sb="9" eb="11">
      <t>ジョウキョウ</t>
    </rPh>
    <phoneticPr fontId="1"/>
  </si>
  <si>
    <t>　委託先でエネルギー回収がされている場合、利用方法に該当する番号を以下の項目から選び、記入してください。</t>
    <rPh sb="1" eb="4">
      <t>イタクサキ</t>
    </rPh>
    <rPh sb="10" eb="12">
      <t>カイシュウ</t>
    </rPh>
    <rPh sb="18" eb="20">
      <t>バアイ</t>
    </rPh>
    <rPh sb="21" eb="23">
      <t>リヨウ</t>
    </rPh>
    <rPh sb="23" eb="25">
      <t>ホウホウ</t>
    </rPh>
    <rPh sb="26" eb="28">
      <t>ガイトウ</t>
    </rPh>
    <rPh sb="30" eb="32">
      <t>バンゴウ</t>
    </rPh>
    <rPh sb="33" eb="35">
      <t>イカ</t>
    </rPh>
    <rPh sb="36" eb="38">
      <t>コウモク</t>
    </rPh>
    <rPh sb="40" eb="41">
      <t>エラ</t>
    </rPh>
    <rPh sb="43" eb="45">
      <t>キニュウ</t>
    </rPh>
    <phoneticPr fontId="1"/>
  </si>
  <si>
    <r>
      <t xml:space="preserve">⑦
</t>
    </r>
    <r>
      <rPr>
        <sz val="8"/>
        <rFont val="ＭＳ 明朝"/>
        <family val="1"/>
        <charset val="128"/>
      </rPr>
      <t>処理処分
等の方法</t>
    </r>
    <rPh sb="2" eb="4">
      <t>ショリ</t>
    </rPh>
    <rPh sb="4" eb="6">
      <t>ショブン</t>
    </rPh>
    <rPh sb="7" eb="8">
      <t>トウ</t>
    </rPh>
    <rPh sb="9" eb="11">
      <t>ホウホウ</t>
    </rPh>
    <phoneticPr fontId="1"/>
  </si>
  <si>
    <t>⑧
処理・処分又は
再生利用先の名称</t>
    <rPh sb="2" eb="4">
      <t>ショリ</t>
    </rPh>
    <rPh sb="5" eb="7">
      <t>ショブン</t>
    </rPh>
    <rPh sb="7" eb="8">
      <t>マタ</t>
    </rPh>
    <rPh sb="10" eb="12">
      <t>サイセイ</t>
    </rPh>
    <rPh sb="12" eb="14">
      <t>リヨウ</t>
    </rPh>
    <rPh sb="14" eb="15">
      <t>サキ</t>
    </rPh>
    <rPh sb="16" eb="18">
      <t>メイショウ</t>
    </rPh>
    <phoneticPr fontId="1"/>
  </si>
  <si>
    <t>⑨
地域
コード</t>
    <rPh sb="2" eb="4">
      <t>チイキ</t>
    </rPh>
    <phoneticPr fontId="1"/>
  </si>
  <si>
    <t>⑩中間処理方法</t>
    <rPh sb="1" eb="3">
      <t>チュウカン</t>
    </rPh>
    <rPh sb="3" eb="5">
      <t>ショリ</t>
    </rPh>
    <rPh sb="5" eb="7">
      <t>ホウホウ</t>
    </rPh>
    <phoneticPr fontId="1"/>
  </si>
  <si>
    <r>
      <t xml:space="preserve">⑪
</t>
    </r>
    <r>
      <rPr>
        <sz val="7"/>
        <rFont val="ＭＳ 明朝"/>
        <family val="1"/>
        <charset val="128"/>
      </rPr>
      <t>ｴﾈﾙｷﾞｰ
回収</t>
    </r>
    <rPh sb="9" eb="11">
      <t>カイシュウ</t>
    </rPh>
    <phoneticPr fontId="1"/>
  </si>
  <si>
    <t>⑫中間処理後の量</t>
    <phoneticPr fontId="1"/>
  </si>
  <si>
    <t>⑬処理後の状況</t>
    <phoneticPr fontId="1"/>
  </si>
  <si>
    <t>⑭再(生)利用・埋立の場所</t>
    <rPh sb="1" eb="2">
      <t>サイ</t>
    </rPh>
    <rPh sb="3" eb="4">
      <t>ショウ</t>
    </rPh>
    <rPh sb="5" eb="7">
      <t>リヨウ</t>
    </rPh>
    <rPh sb="8" eb="10">
      <t>ウメタテ</t>
    </rPh>
    <rPh sb="11" eb="13">
      <t>バショ</t>
    </rPh>
    <phoneticPr fontId="1"/>
  </si>
  <si>
    <t>⑮再(生)利用の用途</t>
    <rPh sb="1" eb="2">
      <t>サイ</t>
    </rPh>
    <rPh sb="3" eb="4">
      <t>ショウ</t>
    </rPh>
    <rPh sb="5" eb="7">
      <t>リヨウ</t>
    </rPh>
    <phoneticPr fontId="1"/>
  </si>
  <si>
    <t>⑫中間処理後の量</t>
    <rPh sb="1" eb="3">
      <t>チュウカン</t>
    </rPh>
    <rPh sb="3" eb="6">
      <t>ショリゴ</t>
    </rPh>
    <rPh sb="7" eb="8">
      <t>リョウ</t>
    </rPh>
    <phoneticPr fontId="1"/>
  </si>
  <si>
    <t>⑬
処理後
の状況</t>
    <rPh sb="2" eb="5">
      <t>ショリゴ</t>
    </rPh>
    <rPh sb="7" eb="9">
      <t>ジョウキョウ</t>
    </rPh>
    <phoneticPr fontId="1"/>
  </si>
  <si>
    <t>⑭
再(生)利用・埋立の場所</t>
    <rPh sb="2" eb="3">
      <t>サイ</t>
    </rPh>
    <rPh sb="4" eb="5">
      <t>ショウ</t>
    </rPh>
    <rPh sb="6" eb="8">
      <t>リヨウ</t>
    </rPh>
    <rPh sb="9" eb="11">
      <t>ウメタテ</t>
    </rPh>
    <rPh sb="12" eb="14">
      <t>バショ</t>
    </rPh>
    <phoneticPr fontId="1"/>
  </si>
  <si>
    <r>
      <rPr>
        <sz val="9"/>
        <rFont val="ＭＳ 明朝"/>
        <family val="1"/>
        <charset val="128"/>
      </rPr>
      <t>⑮</t>
    </r>
    <r>
      <rPr>
        <sz val="6"/>
        <rFont val="ＭＳ 明朝"/>
        <family val="1"/>
        <charset val="128"/>
      </rPr>
      <t xml:space="preserve">
再(生)利用
の用途</t>
    </r>
    <rPh sb="2" eb="3">
      <t>サイ</t>
    </rPh>
    <rPh sb="4" eb="5">
      <t>ショウ</t>
    </rPh>
    <rPh sb="6" eb="8">
      <t>リヨウ</t>
    </rPh>
    <rPh sb="10" eb="12">
      <t>ヨウト</t>
    </rPh>
    <phoneticPr fontId="1"/>
  </si>
  <si>
    <t>　エネルギー回収をされている場合、利用方法に該当する番号を以下の項目から選び、記入してください。</t>
    <rPh sb="6" eb="8">
      <t>カイシュウ</t>
    </rPh>
    <rPh sb="14" eb="16">
      <t>バアイ</t>
    </rPh>
    <rPh sb="17" eb="19">
      <t>リヨウ</t>
    </rPh>
    <rPh sb="19" eb="21">
      <t>ホウホウ</t>
    </rPh>
    <rPh sb="22" eb="24">
      <t>ガイトウ</t>
    </rPh>
    <rPh sb="26" eb="28">
      <t>バンゴウ</t>
    </rPh>
    <rPh sb="29" eb="31">
      <t>イカ</t>
    </rPh>
    <rPh sb="32" eb="34">
      <t>コウモク</t>
    </rPh>
    <rPh sb="36" eb="37">
      <t>エラ</t>
    </rPh>
    <rPh sb="39" eb="41">
      <t>キニュウ</t>
    </rPh>
    <phoneticPr fontId="1"/>
  </si>
  <si>
    <t>事業所から発生する産業廃棄物の状況について、設問①～⑮の順に必要事項を記入してください。</t>
    <rPh sb="9" eb="11">
      <t>サンギョウ</t>
    </rPh>
    <rPh sb="28" eb="29">
      <t>ジュン</t>
    </rPh>
    <rPh sb="30" eb="32">
      <t>ヒツヨウ</t>
    </rPh>
    <rPh sb="32" eb="34">
      <t>ジコウ</t>
    </rPh>
    <phoneticPr fontId="1"/>
  </si>
  <si>
    <t>　【調査票その２】に産業廃棄物排出・処理状況等を記入願います。</t>
    <rPh sb="10" eb="12">
      <t>サンギョウ</t>
    </rPh>
    <rPh sb="12" eb="15">
      <t>ハイキブツ</t>
    </rPh>
    <rPh sb="15" eb="17">
      <t>ハイシュツ</t>
    </rPh>
    <rPh sb="18" eb="20">
      <t>ショリ</t>
    </rPh>
    <rPh sb="20" eb="23">
      <t>ジョウキョウトウ</t>
    </rPh>
    <rPh sb="24" eb="26">
      <t>キニュウ</t>
    </rPh>
    <rPh sb="26" eb="27">
      <t>ネガ</t>
    </rPh>
    <phoneticPr fontId="1"/>
  </si>
  <si>
    <t>【その２】へ</t>
    <phoneticPr fontId="1"/>
  </si>
  <si>
    <t>　調査はこれで終了です。</t>
    <rPh sb="1" eb="3">
      <t>チョウサ</t>
    </rPh>
    <rPh sb="7" eb="9">
      <t>シュウリョウ</t>
    </rPh>
    <phoneticPr fontId="1"/>
  </si>
  <si>
    <t>　「⑦処理・処分又は再生利用の方法」で５を回答された場合、委託先での中間処理方法に該当する番号を以下の項目から選び、中間処理の過程順に記入してください。</t>
    <rPh sb="12" eb="14">
      <t>リヨウ</t>
    </rPh>
    <rPh sb="21" eb="23">
      <t>カイトウ</t>
    </rPh>
    <rPh sb="26" eb="28">
      <t>バアイ</t>
    </rPh>
    <rPh sb="38" eb="40">
      <t>ホウホウ</t>
    </rPh>
    <phoneticPr fontId="1"/>
  </si>
  <si>
    <t>　「⑦処理・処分又は再生利用の方法」で５を回答された場合、委託先で中間処理された後の産業廃棄物の処理方法に該当する番号を以下の項目から選び、記入欄の番号を○で囲んでください。</t>
    <rPh sb="12" eb="14">
      <t>リヨウ</t>
    </rPh>
    <rPh sb="42" eb="44">
      <t>サンギョウ</t>
    </rPh>
    <rPh sb="70" eb="72">
      <t>キニュウ</t>
    </rPh>
    <rPh sb="72" eb="73">
      <t>ラン</t>
    </rPh>
    <rPh sb="74" eb="76">
      <t>バンゴウ</t>
    </rPh>
    <phoneticPr fontId="1"/>
  </si>
  <si>
    <t>　「⑬処理後の状況」で１又は２を回答された場合、再(生)利用先又は埋立処分が行われた場所の地域コードを記入してください。なお、再生利用先が複数ある場合は、代表的な再生利用先の地域コードを記入してください。</t>
    <rPh sb="3" eb="6">
      <t>ショリゴ</t>
    </rPh>
    <rPh sb="7" eb="9">
      <t>ジョウキョウ</t>
    </rPh>
    <rPh sb="12" eb="13">
      <t>マタ</t>
    </rPh>
    <rPh sb="16" eb="18">
      <t>カイトウ</t>
    </rPh>
    <rPh sb="21" eb="23">
      <t>バアイ</t>
    </rPh>
    <rPh sb="24" eb="25">
      <t>サイ</t>
    </rPh>
    <rPh sb="26" eb="27">
      <t>ショウ</t>
    </rPh>
    <rPh sb="28" eb="30">
      <t>リヨウ</t>
    </rPh>
    <rPh sb="30" eb="31">
      <t>サキ</t>
    </rPh>
    <rPh sb="31" eb="32">
      <t>マタ</t>
    </rPh>
    <rPh sb="33" eb="35">
      <t>ウメタテ</t>
    </rPh>
    <rPh sb="35" eb="37">
      <t>ショブン</t>
    </rPh>
    <rPh sb="38" eb="39">
      <t>オコナ</t>
    </rPh>
    <rPh sb="42" eb="44">
      <t>バショ</t>
    </rPh>
    <rPh sb="45" eb="47">
      <t>チイキ</t>
    </rPh>
    <rPh sb="63" eb="65">
      <t>サイセイ</t>
    </rPh>
    <rPh sb="65" eb="67">
      <t>リヨウ</t>
    </rPh>
    <rPh sb="67" eb="68">
      <t>サキ</t>
    </rPh>
    <rPh sb="69" eb="71">
      <t>フクスウ</t>
    </rPh>
    <rPh sb="73" eb="75">
      <t>バアイ</t>
    </rPh>
    <rPh sb="77" eb="80">
      <t>ダイヒョウテキ</t>
    </rPh>
    <rPh sb="81" eb="83">
      <t>サイセイ</t>
    </rPh>
    <rPh sb="83" eb="85">
      <t>リヨウ</t>
    </rPh>
    <rPh sb="85" eb="86">
      <t>サキ</t>
    </rPh>
    <rPh sb="87" eb="89">
      <t>チイキ</t>
    </rPh>
    <rPh sb="93" eb="95">
      <t>キニュウ</t>
    </rPh>
    <phoneticPr fontId="1"/>
  </si>
  <si>
    <t>　貴事業所又は売却先、委託先で産業廃棄物を再(生)利用している場合、その用途を以下の項目から選び、記入してください。（「⑦処理・処分又は再生利用の方法」で１、３、４のいずれか、又は「⑬処理後の状況」で１を回答された場合が該当します。）</t>
    <rPh sb="1" eb="5">
      <t>キジギョウショ</t>
    </rPh>
    <rPh sb="5" eb="6">
      <t>マタ</t>
    </rPh>
    <rPh sb="7" eb="10">
      <t>バイキャクサキ</t>
    </rPh>
    <rPh sb="11" eb="13">
      <t>イタク</t>
    </rPh>
    <rPh sb="13" eb="14">
      <t>サキ</t>
    </rPh>
    <rPh sb="15" eb="17">
      <t>サンギョウ</t>
    </rPh>
    <rPh sb="17" eb="20">
      <t>ハイキブツ</t>
    </rPh>
    <rPh sb="31" eb="33">
      <t>バアイ</t>
    </rPh>
    <rPh sb="70" eb="72">
      <t>リヨウ</t>
    </rPh>
    <rPh sb="88" eb="89">
      <t>マタ</t>
    </rPh>
    <rPh sb="110" eb="112">
      <t>ガイトウ</t>
    </rPh>
    <phoneticPr fontId="1"/>
  </si>
  <si>
    <t>産業廃棄物実態調査【調査票その１】
（令和４年度実績）</t>
    <rPh sb="0" eb="2">
      <t>サンギョウ</t>
    </rPh>
    <rPh sb="2" eb="5">
      <t>ハイキブツ</t>
    </rPh>
    <rPh sb="5" eb="7">
      <t>ジッタイ</t>
    </rPh>
    <rPh sb="7" eb="9">
      <t>チョウサ</t>
    </rPh>
    <rPh sb="10" eb="13">
      <t>チョウサヒョウ</t>
    </rPh>
    <rPh sb="19" eb="21">
      <t>レイワ</t>
    </rPh>
    <rPh sb="22" eb="24">
      <t>ネンド</t>
    </rPh>
    <rPh sb="24" eb="26">
      <t>ジッセキ</t>
    </rPh>
    <phoneticPr fontId="1"/>
  </si>
  <si>
    <r>
      <t>　本調査は、令和４年度（令和４年４月１日から令和５年３月31日まで）の</t>
    </r>
    <r>
      <rPr>
        <u/>
        <sz val="10"/>
        <rFont val="ＭＳ 明朝"/>
        <family val="1"/>
        <charset val="128"/>
      </rPr>
      <t>１年間に発生した産業廃棄物を対象</t>
    </r>
    <r>
      <rPr>
        <sz val="10"/>
        <rFont val="ＭＳ 明朝"/>
        <family val="1"/>
        <charset val="128"/>
      </rPr>
      <t>とします。</t>
    </r>
    <rPh sb="1" eb="4">
      <t>ホンチョウサ</t>
    </rPh>
    <rPh sb="6" eb="8">
      <t>レイワ</t>
    </rPh>
    <rPh sb="9" eb="11">
      <t>ネンド</t>
    </rPh>
    <rPh sb="10" eb="11">
      <t>ド</t>
    </rPh>
    <rPh sb="12" eb="14">
      <t>レイワ</t>
    </rPh>
    <rPh sb="15" eb="16">
      <t>ネン</t>
    </rPh>
    <rPh sb="17" eb="18">
      <t>ガツ</t>
    </rPh>
    <rPh sb="19" eb="20">
      <t>ヒ</t>
    </rPh>
    <rPh sb="22" eb="24">
      <t>レイワ</t>
    </rPh>
    <rPh sb="27" eb="28">
      <t>ガツ</t>
    </rPh>
    <rPh sb="30" eb="31">
      <t>ニチ</t>
    </rPh>
    <rPh sb="36" eb="38">
      <t>ネンカン</t>
    </rPh>
    <rPh sb="39" eb="41">
      <t>ハッセイ</t>
    </rPh>
    <rPh sb="43" eb="45">
      <t>サンギョウ</t>
    </rPh>
    <rPh sb="45" eb="48">
      <t>ハイキブツ</t>
    </rPh>
    <rPh sb="49" eb="51">
      <t>タイショウ</t>
    </rPh>
    <phoneticPr fontId="1"/>
  </si>
  <si>
    <t>産業廃棄物実態調査票【調査票その２】（令和４年度実績）</t>
    <rPh sb="0" eb="2">
      <t>サンギョウ</t>
    </rPh>
    <rPh sb="2" eb="5">
      <t>ハイキブツ</t>
    </rPh>
    <rPh sb="5" eb="7">
      <t>ジッタイ</t>
    </rPh>
    <rPh sb="7" eb="10">
      <t>チョウサヒョウ</t>
    </rPh>
    <rPh sb="11" eb="14">
      <t>チョウサヒョウ</t>
    </rPh>
    <rPh sb="19" eb="21">
      <t>レイワ</t>
    </rPh>
    <rPh sb="22" eb="24">
      <t>ネンド</t>
    </rPh>
    <phoneticPr fontId="1"/>
  </si>
  <si>
    <t>　貴事業所の令和５年３月31日における従業員数を記入してください。
　従業員にはパート等の臨時従業員及び役員等を含みます。</t>
    <rPh sb="1" eb="2">
      <t>キ</t>
    </rPh>
    <rPh sb="2" eb="5">
      <t>ジギョウショ</t>
    </rPh>
    <rPh sb="6" eb="8">
      <t>レイワ</t>
    </rPh>
    <rPh sb="9" eb="10">
      <t>ネン</t>
    </rPh>
    <rPh sb="10" eb="11">
      <t>ヘイネン</t>
    </rPh>
    <rPh sb="11" eb="12">
      <t>ガツ</t>
    </rPh>
    <rPh sb="14" eb="15">
      <t>ニチ</t>
    </rPh>
    <rPh sb="19" eb="22">
      <t>ジュウギョウイン</t>
    </rPh>
    <rPh sb="22" eb="23">
      <t>スウ</t>
    </rPh>
    <rPh sb="24" eb="26">
      <t>キニュウ</t>
    </rPh>
    <rPh sb="35" eb="38">
      <t>ジュウギョウイン</t>
    </rPh>
    <rPh sb="43" eb="44">
      <t>ナド</t>
    </rPh>
    <rPh sb="45" eb="47">
      <t>リンジ</t>
    </rPh>
    <rPh sb="47" eb="50">
      <t>ジュウギョウイン</t>
    </rPh>
    <rPh sb="50" eb="51">
      <t>オヨ</t>
    </rPh>
    <rPh sb="52" eb="54">
      <t>ヤクイン</t>
    </rPh>
    <rPh sb="54" eb="55">
      <t>ナド</t>
    </rPh>
    <rPh sb="56" eb="57">
      <t>フク</t>
    </rPh>
    <phoneticPr fontId="1"/>
  </si>
  <si>
    <t>令和４年度</t>
    <phoneticPr fontId="1"/>
  </si>
  <si>
    <r>
      <t xml:space="preserve">貴事業所の令和４年度の活動量
</t>
    </r>
    <r>
      <rPr>
        <sz val="8"/>
        <rFont val="ＭＳ 明朝"/>
        <family val="1"/>
        <charset val="128"/>
      </rPr>
      <t>（該当するものの番号を○で囲んでください）</t>
    </r>
    <rPh sb="0" eb="1">
      <t>キ</t>
    </rPh>
    <rPh sb="1" eb="4">
      <t>ジギョウショ</t>
    </rPh>
    <rPh sb="5" eb="7">
      <t>レイワ</t>
    </rPh>
    <rPh sb="8" eb="10">
      <t>ネンド</t>
    </rPh>
    <rPh sb="9" eb="10">
      <t>ド</t>
    </rPh>
    <rPh sb="11" eb="13">
      <t>カツドウ</t>
    </rPh>
    <rPh sb="13" eb="14">
      <t>リョウ</t>
    </rPh>
    <rPh sb="16" eb="18">
      <t>ガイトウ</t>
    </rPh>
    <rPh sb="23" eb="25">
      <t>バンゴウ</t>
    </rPh>
    <rPh sb="28" eb="29">
      <t>カコ</t>
    </rPh>
    <phoneticPr fontId="1"/>
  </si>
  <si>
    <r>
      <t>　令和４年度の１年間に貴事業所で産業廃棄物は発生しましたか。</t>
    </r>
    <r>
      <rPr>
        <sz val="9"/>
        <rFont val="ＭＳ Ｐゴシック"/>
        <family val="3"/>
        <charset val="128"/>
      </rPr>
      <t>該当する番号を○で囲んでください。</t>
    </r>
    <rPh sb="1" eb="3">
      <t>レイワ</t>
    </rPh>
    <rPh sb="4" eb="6">
      <t>ネンド</t>
    </rPh>
    <rPh sb="5" eb="6">
      <t>ド</t>
    </rPh>
    <rPh sb="8" eb="10">
      <t>ネンカン</t>
    </rPh>
    <rPh sb="11" eb="12">
      <t>キ</t>
    </rPh>
    <rPh sb="12" eb="15">
      <t>ジギョウショ</t>
    </rPh>
    <rPh sb="16" eb="18">
      <t>サンギョウ</t>
    </rPh>
    <rPh sb="18" eb="21">
      <t>ハイキブツ</t>
    </rPh>
    <rPh sb="22" eb="24">
      <t>ハッセイ</t>
    </rPh>
    <rPh sb="30" eb="32">
      <t>ガイトウ</t>
    </rPh>
    <rPh sb="34" eb="36">
      <t>バンゴウ</t>
    </rPh>
    <rPh sb="39" eb="40">
      <t>カコ</t>
    </rPh>
    <phoneticPr fontId="1"/>
  </si>
  <si>
    <t>　産業廃棄物ごとに令和４年度における１年間の発生量を記入してください。単位は㎏、又はt(トン)のどちらかを選び、○で囲んでください。</t>
    <rPh sb="1" eb="3">
      <t>サンギョウ</t>
    </rPh>
    <rPh sb="9" eb="11">
      <t>レイ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6" formatCode="&quot;¥&quot;#,##0;[Red]&quot;¥&quot;\-#,##0"/>
  </numFmts>
  <fonts count="56" x14ac:knownFonts="1">
    <font>
      <sz val="11"/>
      <name val="ＭＳ Ｐゴシック"/>
      <family val="3"/>
      <charset val="128"/>
    </font>
    <font>
      <sz val="6"/>
      <name val="ＭＳ Ｐゴシック"/>
      <family val="3"/>
      <charset val="128"/>
    </font>
    <font>
      <sz val="14"/>
      <name val="HGS創英角ｺﾞｼｯｸUB"/>
      <family val="3"/>
      <charset val="128"/>
    </font>
    <font>
      <sz val="12"/>
      <name val="ＭＳ 明朝"/>
      <family val="1"/>
      <charset val="128"/>
    </font>
    <font>
      <sz val="9"/>
      <name val="ＭＳ 明朝"/>
      <family val="1"/>
      <charset val="128"/>
    </font>
    <font>
      <b/>
      <sz val="11"/>
      <name val="ＭＳ ゴシック"/>
      <family val="3"/>
      <charset val="128"/>
    </font>
    <font>
      <sz val="9"/>
      <name val="ＭＳ ゴシック"/>
      <family val="3"/>
      <charset val="128"/>
    </font>
    <font>
      <sz val="10"/>
      <name val="ＭＳ 明朝"/>
      <family val="1"/>
      <charset val="128"/>
    </font>
    <font>
      <sz val="11"/>
      <name val="HGS創英角ｺﾞｼｯｸUB"/>
      <family val="3"/>
      <charset val="128"/>
    </font>
    <font>
      <b/>
      <sz val="10"/>
      <name val="ＭＳ 明朝"/>
      <family val="1"/>
      <charset val="128"/>
    </font>
    <font>
      <b/>
      <sz val="9"/>
      <name val="ＭＳ ゴシック"/>
      <family val="3"/>
      <charset val="128"/>
    </font>
    <font>
      <sz val="11"/>
      <name val="ＭＳ 明朝"/>
      <family val="1"/>
      <charset val="128"/>
    </font>
    <font>
      <sz val="12"/>
      <color indexed="9"/>
      <name val="HGS創英角ｺﾞｼｯｸUB"/>
      <family val="3"/>
      <charset val="128"/>
    </font>
    <font>
      <b/>
      <sz val="9"/>
      <name val="ＭＳ 明朝"/>
      <family val="1"/>
      <charset val="128"/>
    </font>
    <font>
      <sz val="11"/>
      <name val="ＭＳ ゴシック"/>
      <family val="3"/>
      <charset val="128"/>
    </font>
    <font>
      <sz val="10"/>
      <name val="ＭＳ ゴシック"/>
      <family val="3"/>
      <charset val="128"/>
    </font>
    <font>
      <sz val="14"/>
      <name val="ＭＳ 明朝"/>
      <family val="1"/>
      <charset val="128"/>
    </font>
    <font>
      <sz val="10"/>
      <name val="HGS創英角ｺﾞｼｯｸUB"/>
      <family val="3"/>
      <charset val="128"/>
    </font>
    <font>
      <sz val="9"/>
      <name val="ＭＳ Ｐゴシック"/>
      <family val="3"/>
      <charset val="128"/>
    </font>
    <font>
      <sz val="11"/>
      <name val="HGP創英角ｺﾞｼｯｸUB"/>
      <family val="3"/>
      <charset val="128"/>
    </font>
    <font>
      <sz val="10"/>
      <color indexed="8"/>
      <name val="ＭＳ Ｐゴシック"/>
      <family val="3"/>
      <charset val="128"/>
    </font>
    <font>
      <sz val="16"/>
      <name val="ＭＳ 明朝"/>
      <family val="1"/>
      <charset val="128"/>
    </font>
    <font>
      <sz val="12"/>
      <color indexed="8"/>
      <name val="HGS創英角ｺﾞｼｯｸUB"/>
      <family val="3"/>
      <charset val="128"/>
    </font>
    <font>
      <sz val="11"/>
      <name val="ＭＳ Ｐゴシック"/>
      <family val="3"/>
      <charset val="128"/>
    </font>
    <font>
      <sz val="8"/>
      <name val="ＭＳ Ｐゴシック"/>
      <family val="3"/>
      <charset val="128"/>
    </font>
    <font>
      <sz val="8"/>
      <name val="ＭＳ 明朝"/>
      <family val="1"/>
      <charset val="128"/>
    </font>
    <font>
      <b/>
      <sz val="9"/>
      <name val="ＭＳ Ｐゴシック"/>
      <family val="3"/>
      <charset val="128"/>
    </font>
    <font>
      <b/>
      <u/>
      <sz val="9"/>
      <name val="ＭＳ ゴシック"/>
      <family val="3"/>
      <charset val="128"/>
    </font>
    <font>
      <sz val="9"/>
      <name val="HGS創英角ｺﾞｼｯｸUB"/>
      <family val="3"/>
      <charset val="128"/>
    </font>
    <font>
      <sz val="16"/>
      <name val="HGS創英角ｺﾞｼｯｸUB"/>
      <family val="3"/>
      <charset val="128"/>
    </font>
    <font>
      <sz val="10"/>
      <name val="ＭＳ Ｐゴシック"/>
      <family val="3"/>
      <charset val="128"/>
    </font>
    <font>
      <sz val="16"/>
      <name val="ＭＳ Ｐゴシック"/>
      <family val="3"/>
      <charset val="128"/>
    </font>
    <font>
      <sz val="6"/>
      <name val="ＭＳ 明朝"/>
      <family val="1"/>
      <charset val="128"/>
    </font>
    <font>
      <sz val="7"/>
      <name val="ＭＳ 明朝"/>
      <family val="1"/>
      <charset val="128"/>
    </font>
    <font>
      <u/>
      <sz val="10"/>
      <name val="ＭＳ 明朝"/>
      <family val="1"/>
      <charset val="128"/>
    </font>
    <font>
      <sz val="10"/>
      <color indexed="10"/>
      <name val="ＭＳ 明朝"/>
      <family val="1"/>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sz val="9"/>
      <name val="ＭＳ Ｐゴシック"/>
      <family val="3"/>
      <charset val="128"/>
      <scheme val="minor"/>
    </font>
    <font>
      <sz val="14"/>
      <name val="ＭＳ Ｐゴシック"/>
      <family val="3"/>
      <charset val="128"/>
      <scheme val="minor"/>
    </font>
    <font>
      <sz val="12"/>
      <name val="ＭＳ Ｐゴシック"/>
      <family val="3"/>
      <charset val="128"/>
      <scheme val="minor"/>
    </font>
  </fonts>
  <fills count="35">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gray0625"/>
    </fill>
    <fill>
      <patternFill patternType="solid">
        <fgColor indexed="8"/>
        <bgColor indexed="64"/>
      </patternFill>
    </fill>
    <fill>
      <patternFill patternType="solid">
        <fgColor theme="4" tint="0.79992065187536243"/>
        <bgColor indexed="64"/>
      </patternFill>
    </fill>
    <fill>
      <patternFill patternType="solid">
        <fgColor theme="5" tint="0.79992065187536243"/>
        <bgColor indexed="64"/>
      </patternFill>
    </fill>
    <fill>
      <patternFill patternType="solid">
        <fgColor theme="6" tint="0.79992065187536243"/>
        <bgColor indexed="64"/>
      </patternFill>
    </fill>
    <fill>
      <patternFill patternType="solid">
        <fgColor theme="7" tint="0.79992065187536243"/>
        <bgColor indexed="64"/>
      </patternFill>
    </fill>
    <fill>
      <patternFill patternType="solid">
        <fgColor theme="8" tint="0.79992065187536243"/>
        <bgColor indexed="64"/>
      </patternFill>
    </fill>
    <fill>
      <patternFill patternType="solid">
        <fgColor theme="9" tint="0.79992065187536243"/>
        <bgColor indexed="64"/>
      </patternFill>
    </fill>
    <fill>
      <patternFill patternType="solid">
        <fgColor theme="4" tint="0.59993285927915285"/>
        <bgColor indexed="64"/>
      </patternFill>
    </fill>
    <fill>
      <patternFill patternType="solid">
        <fgColor theme="5" tint="0.59993285927915285"/>
        <bgColor indexed="64"/>
      </patternFill>
    </fill>
    <fill>
      <patternFill patternType="solid">
        <fgColor theme="6" tint="0.59993285927915285"/>
        <bgColor indexed="64"/>
      </patternFill>
    </fill>
    <fill>
      <patternFill patternType="solid">
        <fgColor theme="7" tint="0.59993285927915285"/>
        <bgColor indexed="64"/>
      </patternFill>
    </fill>
    <fill>
      <patternFill patternType="solid">
        <fgColor theme="8" tint="0.59993285927915285"/>
        <bgColor indexed="64"/>
      </patternFill>
    </fill>
    <fill>
      <patternFill patternType="solid">
        <fgColor theme="9" tint="0.59993285927915285"/>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90">
    <border>
      <left/>
      <right/>
      <top/>
      <bottom/>
      <diagonal/>
    </border>
    <border>
      <left/>
      <right/>
      <top/>
      <bottom style="medium">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hair">
        <color indexed="64"/>
      </right>
      <top style="thin">
        <color indexed="64"/>
      </top>
      <bottom style="hair">
        <color indexed="64"/>
      </bottom>
      <diagonal/>
    </border>
    <border>
      <left style="double">
        <color indexed="64"/>
      </left>
      <right/>
      <top style="thin">
        <color indexed="64"/>
      </top>
      <bottom style="hair">
        <color indexed="64"/>
      </bottom>
      <diagonal/>
    </border>
    <border>
      <left/>
      <right/>
      <top style="hair">
        <color indexed="64"/>
      </top>
      <bottom style="hair">
        <color indexed="64"/>
      </bottom>
      <diagonal/>
    </border>
    <border>
      <left/>
      <right style="hair">
        <color indexed="64"/>
      </right>
      <top style="hair">
        <color indexed="64"/>
      </top>
      <bottom style="hair">
        <color indexed="64"/>
      </bottom>
      <diagonal/>
    </border>
    <border>
      <left style="thin">
        <color indexed="64"/>
      </left>
      <right/>
      <top style="hair">
        <color indexed="64"/>
      </top>
      <bottom style="hair">
        <color indexed="64"/>
      </bottom>
      <diagonal/>
    </border>
    <border>
      <left style="double">
        <color indexed="64"/>
      </left>
      <right/>
      <top style="hair">
        <color indexed="64"/>
      </top>
      <bottom style="hair">
        <color indexed="64"/>
      </bottom>
      <diagonal/>
    </border>
    <border>
      <left style="thin">
        <color indexed="64"/>
      </left>
      <right/>
      <top style="hair">
        <color indexed="64"/>
      </top>
      <bottom/>
      <diagonal/>
    </border>
    <border>
      <left/>
      <right/>
      <top style="hair">
        <color indexed="64"/>
      </top>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hair">
        <color indexed="64"/>
      </right>
      <top style="hair">
        <color indexed="64"/>
      </top>
      <bottom style="thin">
        <color indexed="64"/>
      </bottom>
      <diagonal/>
    </border>
    <border>
      <left style="double">
        <color indexed="64"/>
      </left>
      <right/>
      <top style="hair">
        <color indexed="64"/>
      </top>
      <bottom style="thin">
        <color indexed="64"/>
      </bottom>
      <diagonal/>
    </border>
    <border>
      <left style="thin">
        <color indexed="64"/>
      </left>
      <right/>
      <top/>
      <bottom style="medium">
        <color indexed="64"/>
      </bottom>
      <diagonal/>
    </border>
    <border>
      <left/>
      <right style="thin">
        <color indexed="64"/>
      </right>
      <top/>
      <bottom style="medium">
        <color indexed="64"/>
      </bottom>
      <diagonal/>
    </border>
    <border>
      <left style="thin">
        <color indexed="64"/>
      </left>
      <right/>
      <top style="medium">
        <color indexed="64"/>
      </top>
      <bottom/>
      <diagonal/>
    </border>
    <border>
      <left/>
      <right/>
      <top style="medium">
        <color indexed="64"/>
      </top>
      <bottom/>
      <diagonal/>
    </border>
    <border>
      <left style="thin">
        <color indexed="64"/>
      </left>
      <right/>
      <top/>
      <bottom style="thin">
        <color indexed="64"/>
      </bottom>
      <diagonal/>
    </border>
    <border>
      <left style="medium">
        <color indexed="64"/>
      </left>
      <right/>
      <top/>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right style="thin">
        <color indexed="64"/>
      </right>
      <top style="medium">
        <color indexed="64"/>
      </top>
      <bottom style="hair">
        <color indexed="64"/>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right style="medium">
        <color indexed="64"/>
      </right>
      <top style="thin">
        <color indexed="64"/>
      </top>
      <bottom/>
      <diagonal/>
    </border>
    <border>
      <left/>
      <right/>
      <top/>
      <bottom style="thin">
        <color indexed="64"/>
      </bottom>
      <diagonal/>
    </border>
    <border>
      <left/>
      <right style="medium">
        <color indexed="64"/>
      </right>
      <top/>
      <bottom style="thin">
        <color indexed="64"/>
      </bottom>
      <diagonal/>
    </border>
    <border>
      <left style="medium">
        <color indexed="64"/>
      </left>
      <right style="hair">
        <color indexed="64"/>
      </right>
      <top style="medium">
        <color indexed="64"/>
      </top>
      <bottom/>
      <diagonal/>
    </border>
    <border>
      <left style="medium">
        <color indexed="64"/>
      </left>
      <right style="hair">
        <color indexed="64"/>
      </right>
      <top/>
      <bottom/>
      <diagonal/>
    </border>
    <border>
      <left style="medium">
        <color indexed="64"/>
      </left>
      <right style="hair">
        <color indexed="64"/>
      </right>
      <top/>
      <bottom style="medium">
        <color indexed="64"/>
      </bottom>
      <diagonal/>
    </border>
    <border>
      <left/>
      <right style="thin">
        <color indexed="64"/>
      </right>
      <top/>
      <bottom style="thin">
        <color indexed="64"/>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style="thin">
        <color indexed="64"/>
      </top>
      <bottom/>
      <diagonal/>
    </border>
    <border>
      <left style="hair">
        <color indexed="64"/>
      </left>
      <right style="hair">
        <color indexed="64"/>
      </right>
      <top style="medium">
        <color indexed="64"/>
      </top>
      <bottom/>
      <diagonal/>
    </border>
    <border>
      <left style="hair">
        <color indexed="64"/>
      </left>
      <right style="hair">
        <color indexed="64"/>
      </right>
      <top/>
      <bottom/>
      <diagonal/>
    </border>
    <border>
      <left style="hair">
        <color indexed="64"/>
      </left>
      <right style="hair">
        <color indexed="64"/>
      </right>
      <top/>
      <bottom style="medium">
        <color indexed="64"/>
      </bottom>
      <diagonal/>
    </border>
    <border>
      <left style="hair">
        <color indexed="64"/>
      </left>
      <right style="medium">
        <color indexed="64"/>
      </right>
      <top style="medium">
        <color indexed="64"/>
      </top>
      <bottom/>
      <diagonal/>
    </border>
    <border>
      <left style="hair">
        <color indexed="64"/>
      </left>
      <right style="medium">
        <color indexed="64"/>
      </right>
      <top/>
      <bottom/>
      <diagonal/>
    </border>
    <border>
      <left style="hair">
        <color indexed="64"/>
      </left>
      <right style="medium">
        <color indexed="64"/>
      </right>
      <top/>
      <bottom style="medium">
        <color indexed="64"/>
      </bottom>
      <diagonal/>
    </border>
    <border>
      <left style="medium">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thin">
        <color indexed="64"/>
      </right>
      <top style="medium">
        <color indexed="64"/>
      </top>
      <bottom/>
      <diagonal/>
    </border>
    <border>
      <left style="hair">
        <color indexed="64"/>
      </left>
      <right/>
      <top style="thin">
        <color indexed="64"/>
      </top>
      <bottom/>
      <diagonal/>
    </border>
    <border>
      <left style="hair">
        <color indexed="64"/>
      </left>
      <right/>
      <top/>
      <bottom style="thin">
        <color indexed="64"/>
      </bottom>
      <diagonal/>
    </border>
    <border>
      <left/>
      <right style="hair">
        <color indexed="64"/>
      </right>
      <top style="thin">
        <color indexed="64"/>
      </top>
      <bottom/>
      <diagonal/>
    </border>
    <border>
      <left/>
      <right style="hair">
        <color indexed="64"/>
      </right>
      <top/>
      <bottom style="thin">
        <color indexed="64"/>
      </bottom>
      <diagonal/>
    </border>
    <border>
      <left/>
      <right style="hair">
        <color indexed="64"/>
      </right>
      <top/>
      <bottom style="medium">
        <color indexed="64"/>
      </bottom>
      <diagonal/>
    </border>
    <border>
      <left style="hair">
        <color indexed="64"/>
      </left>
      <right/>
      <top/>
      <bottom style="medium">
        <color indexed="64"/>
      </bottom>
      <diagonal/>
    </border>
    <border>
      <left style="hair">
        <color indexed="64"/>
      </left>
      <right/>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medium">
        <color indexed="64"/>
      </left>
      <right/>
      <top style="medium">
        <color indexed="64"/>
      </top>
      <bottom style="thin">
        <color indexed="64"/>
      </bottom>
      <diagonal/>
    </border>
    <border>
      <left style="hair">
        <color indexed="64"/>
      </left>
      <right/>
      <top style="hair">
        <color indexed="64"/>
      </top>
      <bottom/>
      <diagonal/>
    </border>
    <border>
      <left style="hair">
        <color indexed="64"/>
      </left>
      <right/>
      <top style="hair">
        <color indexed="64"/>
      </top>
      <bottom style="hair">
        <color indexed="64"/>
      </bottom>
      <diagonal/>
    </border>
    <border>
      <left/>
      <right style="thin">
        <color indexed="64"/>
      </right>
      <top style="hair">
        <color indexed="64"/>
      </top>
      <bottom style="hair">
        <color indexed="64"/>
      </bottom>
      <diagonal/>
    </border>
    <border>
      <left style="hair">
        <color indexed="64"/>
      </left>
      <right/>
      <top style="hair">
        <color indexed="64"/>
      </top>
      <bottom style="thin">
        <color indexed="64"/>
      </bottom>
      <diagonal/>
    </border>
    <border>
      <left/>
      <right style="double">
        <color indexed="64"/>
      </right>
      <top style="hair">
        <color indexed="64"/>
      </top>
      <bottom style="thin">
        <color indexed="64"/>
      </bottom>
      <diagonal/>
    </border>
    <border>
      <left/>
      <right style="thin">
        <color indexed="64"/>
      </right>
      <top style="hair">
        <color indexed="64"/>
      </top>
      <bottom style="thin">
        <color indexed="64"/>
      </bottom>
      <diagonal/>
    </border>
    <border>
      <left style="hair">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style="double">
        <color indexed="64"/>
      </left>
      <right/>
      <top style="thin">
        <color indexed="64"/>
      </top>
      <bottom style="thin">
        <color indexed="64"/>
      </bottom>
      <diagonal/>
    </border>
    <border>
      <left/>
      <right style="thin">
        <color indexed="64"/>
      </right>
      <top style="thin">
        <color indexed="64"/>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92370372631001"/>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45">
    <xf numFmtId="0" fontId="0" fillId="0" borderId="0"/>
    <xf numFmtId="0" fontId="36" fillId="6" borderId="0" applyNumberFormat="0" applyBorder="0" applyAlignment="0" applyProtection="0">
      <alignment vertical="center"/>
    </xf>
    <xf numFmtId="0" fontId="36" fillId="7" borderId="0" applyNumberFormat="0" applyBorder="0" applyAlignment="0" applyProtection="0">
      <alignment vertical="center"/>
    </xf>
    <xf numFmtId="0" fontId="36" fillId="8" borderId="0" applyNumberFormat="0" applyBorder="0" applyAlignment="0" applyProtection="0">
      <alignment vertical="center"/>
    </xf>
    <xf numFmtId="0" fontId="36" fillId="9" borderId="0" applyNumberFormat="0" applyBorder="0" applyAlignment="0" applyProtection="0">
      <alignment vertical="center"/>
    </xf>
    <xf numFmtId="0" fontId="36" fillId="10" borderId="0" applyNumberFormat="0" applyBorder="0" applyAlignment="0" applyProtection="0">
      <alignment vertical="center"/>
    </xf>
    <xf numFmtId="0" fontId="36" fillId="11" borderId="0" applyNumberFormat="0" applyBorder="0" applyAlignment="0" applyProtection="0">
      <alignment vertical="center"/>
    </xf>
    <xf numFmtId="0" fontId="36" fillId="12" borderId="0" applyNumberFormat="0" applyBorder="0" applyAlignment="0" applyProtection="0">
      <alignment vertical="center"/>
    </xf>
    <xf numFmtId="0" fontId="36" fillId="13" borderId="0" applyNumberFormat="0" applyBorder="0" applyAlignment="0" applyProtection="0">
      <alignment vertical="center"/>
    </xf>
    <xf numFmtId="0" fontId="36" fillId="14" borderId="0" applyNumberFormat="0" applyBorder="0" applyAlignment="0" applyProtection="0">
      <alignment vertical="center"/>
    </xf>
    <xf numFmtId="0" fontId="36" fillId="15" borderId="0" applyNumberFormat="0" applyBorder="0" applyAlignment="0" applyProtection="0">
      <alignment vertical="center"/>
    </xf>
    <xf numFmtId="0" fontId="36" fillId="16" borderId="0" applyNumberFormat="0" applyBorder="0" applyAlignment="0" applyProtection="0">
      <alignment vertical="center"/>
    </xf>
    <xf numFmtId="0" fontId="36" fillId="17" borderId="0" applyNumberFormat="0" applyBorder="0" applyAlignment="0" applyProtection="0">
      <alignment vertical="center"/>
    </xf>
    <xf numFmtId="0" fontId="37" fillId="18" borderId="0" applyNumberFormat="0" applyBorder="0" applyAlignment="0" applyProtection="0">
      <alignment vertical="center"/>
    </xf>
    <xf numFmtId="0" fontId="37" fillId="19" borderId="0" applyNumberFormat="0" applyBorder="0" applyAlignment="0" applyProtection="0">
      <alignment vertical="center"/>
    </xf>
    <xf numFmtId="0" fontId="37" fillId="20" borderId="0" applyNumberFormat="0" applyBorder="0" applyAlignment="0" applyProtection="0">
      <alignment vertical="center"/>
    </xf>
    <xf numFmtId="0" fontId="37" fillId="21" borderId="0" applyNumberFormat="0" applyBorder="0" applyAlignment="0" applyProtection="0">
      <alignment vertical="center"/>
    </xf>
    <xf numFmtId="0" fontId="37" fillId="22" borderId="0" applyNumberFormat="0" applyBorder="0" applyAlignment="0" applyProtection="0">
      <alignment vertical="center"/>
    </xf>
    <xf numFmtId="0" fontId="37" fillId="23" borderId="0" applyNumberFormat="0" applyBorder="0" applyAlignment="0" applyProtection="0">
      <alignment vertical="center"/>
    </xf>
    <xf numFmtId="0" fontId="37" fillId="24" borderId="0" applyNumberFormat="0" applyBorder="0" applyAlignment="0" applyProtection="0">
      <alignment vertical="center"/>
    </xf>
    <xf numFmtId="0" fontId="37" fillId="25" borderId="0" applyNumberFormat="0" applyBorder="0" applyAlignment="0" applyProtection="0">
      <alignment vertical="center"/>
    </xf>
    <xf numFmtId="0" fontId="37" fillId="26" borderId="0" applyNumberFormat="0" applyBorder="0" applyAlignment="0" applyProtection="0">
      <alignment vertical="center"/>
    </xf>
    <xf numFmtId="0" fontId="37" fillId="27" borderId="0" applyNumberFormat="0" applyBorder="0" applyAlignment="0" applyProtection="0">
      <alignment vertical="center"/>
    </xf>
    <xf numFmtId="0" fontId="37" fillId="28" borderId="0" applyNumberFormat="0" applyBorder="0" applyAlignment="0" applyProtection="0">
      <alignment vertical="center"/>
    </xf>
    <xf numFmtId="0" fontId="37" fillId="29" borderId="0" applyNumberFormat="0" applyBorder="0" applyAlignment="0" applyProtection="0">
      <alignment vertical="center"/>
    </xf>
    <xf numFmtId="0" fontId="38" fillId="0" borderId="0" applyNumberFormat="0" applyFill="0" applyBorder="0" applyAlignment="0" applyProtection="0">
      <alignment vertical="center"/>
    </xf>
    <xf numFmtId="0" fontId="39" fillId="30" borderId="81" applyNumberFormat="0" applyAlignment="0" applyProtection="0">
      <alignment vertical="center"/>
    </xf>
    <xf numFmtId="0" fontId="40" fillId="31" borderId="0" applyNumberFormat="0" applyBorder="0" applyAlignment="0" applyProtection="0">
      <alignment vertical="center"/>
    </xf>
    <xf numFmtId="0" fontId="23" fillId="3" borderId="82" applyNumberFormat="0" applyFont="0" applyAlignment="0" applyProtection="0">
      <alignment vertical="center"/>
    </xf>
    <xf numFmtId="0" fontId="41" fillId="0" borderId="83" applyNumberFormat="0" applyFill="0" applyAlignment="0" applyProtection="0">
      <alignment vertical="center"/>
    </xf>
    <xf numFmtId="0" fontId="42" fillId="32" borderId="0" applyNumberFormat="0" applyBorder="0" applyAlignment="0" applyProtection="0">
      <alignment vertical="center"/>
    </xf>
    <xf numFmtId="0" fontId="43" fillId="33" borderId="84" applyNumberFormat="0" applyAlignment="0" applyProtection="0">
      <alignment vertical="center"/>
    </xf>
    <xf numFmtId="0" fontId="44" fillId="0" borderId="0" applyNumberFormat="0" applyFill="0" applyBorder="0" applyAlignment="0" applyProtection="0">
      <alignment vertical="center"/>
    </xf>
    <xf numFmtId="0" fontId="45" fillId="0" borderId="85" applyNumberFormat="0" applyFill="0" applyAlignment="0" applyProtection="0">
      <alignment vertical="center"/>
    </xf>
    <xf numFmtId="0" fontId="46" fillId="0" borderId="86" applyNumberFormat="0" applyFill="0" applyAlignment="0" applyProtection="0">
      <alignment vertical="center"/>
    </xf>
    <xf numFmtId="0" fontId="47" fillId="0" borderId="87" applyNumberFormat="0" applyFill="0" applyAlignment="0" applyProtection="0">
      <alignment vertical="center"/>
    </xf>
    <xf numFmtId="0" fontId="47" fillId="0" borderId="0" applyNumberFormat="0" applyFill="0" applyBorder="0" applyAlignment="0" applyProtection="0">
      <alignment vertical="center"/>
    </xf>
    <xf numFmtId="0" fontId="48" fillId="0" borderId="88" applyNumberFormat="0" applyFill="0" applyAlignment="0" applyProtection="0">
      <alignment vertical="center"/>
    </xf>
    <xf numFmtId="0" fontId="49" fillId="33" borderId="89" applyNumberFormat="0" applyAlignment="0" applyProtection="0">
      <alignment vertical="center"/>
    </xf>
    <xf numFmtId="0" fontId="50" fillId="0" borderId="0" applyNumberFormat="0" applyFill="0" applyBorder="0" applyAlignment="0" applyProtection="0">
      <alignment vertical="center"/>
    </xf>
    <xf numFmtId="6" fontId="23" fillId="0" borderId="0" applyFont="0" applyFill="0" applyBorder="0" applyAlignment="0" applyProtection="0"/>
    <xf numFmtId="0" fontId="51" fillId="2" borderId="84" applyNumberFormat="0" applyAlignment="0" applyProtection="0">
      <alignment vertical="center"/>
    </xf>
    <xf numFmtId="0" fontId="23" fillId="0" borderId="0"/>
    <xf numFmtId="0" fontId="23" fillId="0" borderId="0">
      <alignment vertical="center"/>
    </xf>
    <xf numFmtId="0" fontId="52" fillId="34" borderId="0" applyNumberFormat="0" applyBorder="0" applyAlignment="0" applyProtection="0">
      <alignment vertical="center"/>
    </xf>
  </cellStyleXfs>
  <cellXfs count="593">
    <xf numFmtId="0" fontId="0" fillId="0" borderId="0" xfId="0" applyAlignment="1"/>
    <xf numFmtId="0" fontId="3" fillId="0" borderId="0" xfId="0" applyFont="1" applyAlignment="1">
      <alignment vertical="center"/>
    </xf>
    <xf numFmtId="0" fontId="4" fillId="0" borderId="0" xfId="0" applyFont="1" applyAlignment="1"/>
    <xf numFmtId="0" fontId="4" fillId="0" borderId="0" xfId="0" applyFont="1" applyBorder="1" applyAlignment="1">
      <alignment vertical="center"/>
    </xf>
    <xf numFmtId="0" fontId="4" fillId="0" borderId="0" xfId="0" applyFont="1" applyFill="1" applyBorder="1" applyAlignment="1">
      <alignment vertical="center" wrapText="1"/>
    </xf>
    <xf numFmtId="0" fontId="4" fillId="0" borderId="0" xfId="0" applyFont="1" applyFill="1" applyBorder="1" applyAlignment="1">
      <alignment vertical="center"/>
    </xf>
    <xf numFmtId="0" fontId="6" fillId="0" borderId="0" xfId="0" quotePrefix="1" applyFont="1" applyFill="1" applyBorder="1" applyAlignment="1">
      <alignment vertical="center"/>
    </xf>
    <xf numFmtId="0" fontId="6" fillId="0" borderId="0" xfId="0" applyFont="1" applyFill="1" applyBorder="1" applyAlignment="1">
      <alignment vertical="center"/>
    </xf>
    <xf numFmtId="0" fontId="7" fillId="0" borderId="0" xfId="0" applyFont="1" applyAlignment="1">
      <alignment horizontal="center" vertical="center"/>
    </xf>
    <xf numFmtId="0" fontId="7" fillId="0" borderId="0" xfId="0" quotePrefix="1" applyFont="1" applyBorder="1" applyAlignment="1">
      <alignment vertical="top"/>
    </xf>
    <xf numFmtId="0" fontId="7" fillId="0" borderId="0" xfId="0" applyFont="1" applyBorder="1" applyAlignment="1">
      <alignment vertical="top"/>
    </xf>
    <xf numFmtId="0" fontId="4" fillId="0" borderId="0" xfId="0" quotePrefix="1" applyFont="1" applyFill="1" applyBorder="1" applyAlignment="1">
      <alignment vertical="center"/>
    </xf>
    <xf numFmtId="0" fontId="7" fillId="0" borderId="0" xfId="0" applyFont="1" applyBorder="1" applyAlignment="1">
      <alignment vertical="top" wrapText="1"/>
    </xf>
    <xf numFmtId="0" fontId="7" fillId="0" borderId="0" xfId="0" applyFont="1" applyFill="1" applyBorder="1" applyAlignment="1">
      <alignment vertical="top"/>
    </xf>
    <xf numFmtId="0" fontId="7" fillId="0" borderId="0" xfId="0" applyFont="1" applyAlignment="1">
      <alignment vertical="top"/>
    </xf>
    <xf numFmtId="0" fontId="7" fillId="0" borderId="0" xfId="0" applyFont="1" applyAlignment="1"/>
    <xf numFmtId="0" fontId="4" fillId="0" borderId="0" xfId="0" applyFont="1" applyAlignment="1">
      <alignment vertical="center"/>
    </xf>
    <xf numFmtId="0" fontId="4" fillId="0" borderId="0" xfId="0" applyFont="1" applyFill="1" applyBorder="1" applyAlignment="1"/>
    <xf numFmtId="0" fontId="8" fillId="0" borderId="0" xfId="0" applyFont="1" applyFill="1" applyBorder="1" applyAlignment="1">
      <alignment vertical="center" wrapText="1"/>
    </xf>
    <xf numFmtId="0" fontId="4" fillId="0" borderId="0" xfId="0" applyFont="1" applyBorder="1" applyAlignment="1"/>
    <xf numFmtId="0" fontId="2" fillId="0" borderId="0" xfId="0" applyFont="1" applyAlignment="1">
      <alignment vertical="center"/>
    </xf>
    <xf numFmtId="0" fontId="3" fillId="0" borderId="1" xfId="0" applyFont="1" applyBorder="1" applyAlignment="1">
      <alignment vertical="center"/>
    </xf>
    <xf numFmtId="0" fontId="13" fillId="0" borderId="2" xfId="0" applyFont="1" applyFill="1" applyBorder="1" applyAlignment="1">
      <alignment vertical="top"/>
    </xf>
    <xf numFmtId="0" fontId="4" fillId="0" borderId="3" xfId="0" applyFont="1" applyFill="1" applyBorder="1" applyAlignment="1">
      <alignment vertical="top"/>
    </xf>
    <xf numFmtId="0" fontId="13" fillId="0" borderId="2" xfId="0" applyFont="1" applyBorder="1" applyAlignment="1">
      <alignment vertical="top"/>
    </xf>
    <xf numFmtId="0" fontId="4" fillId="0" borderId="3" xfId="0" applyFont="1" applyBorder="1" applyAlignment="1">
      <alignment vertical="top"/>
    </xf>
    <xf numFmtId="0" fontId="4" fillId="0" borderId="4" xfId="0" applyFont="1" applyBorder="1" applyAlignment="1">
      <alignment vertical="top"/>
    </xf>
    <xf numFmtId="0" fontId="4" fillId="0" borderId="0" xfId="0" applyFont="1" applyAlignment="1">
      <alignment vertical="top"/>
    </xf>
    <xf numFmtId="0" fontId="4" fillId="0" borderId="0" xfId="0" applyFont="1" applyFill="1" applyBorder="1" applyAlignment="1">
      <alignment vertical="top"/>
    </xf>
    <xf numFmtId="0" fontId="4" fillId="0" borderId="5" xfId="0" applyFont="1" applyFill="1" applyBorder="1" applyAlignment="1">
      <alignment vertical="top"/>
    </xf>
    <xf numFmtId="0" fontId="4" fillId="0" borderId="0" xfId="0" applyFont="1" applyFill="1" applyBorder="1" applyAlignment="1">
      <alignment vertical="top" wrapText="1"/>
    </xf>
    <xf numFmtId="0" fontId="4" fillId="0" borderId="5" xfId="0" applyFont="1" applyBorder="1" applyAlignment="1">
      <alignment vertical="top"/>
    </xf>
    <xf numFmtId="0" fontId="4" fillId="0" borderId="6" xfId="0" applyFont="1" applyBorder="1" applyAlignment="1">
      <alignment vertical="top"/>
    </xf>
    <xf numFmtId="0" fontId="6" fillId="0" borderId="5" xfId="0" applyFont="1" applyFill="1" applyBorder="1" applyAlignment="1">
      <alignment vertical="top"/>
    </xf>
    <xf numFmtId="0" fontId="6" fillId="0" borderId="0" xfId="0" applyFont="1" applyFill="1" applyBorder="1" applyAlignment="1">
      <alignment vertical="top"/>
    </xf>
    <xf numFmtId="0" fontId="4" fillId="0" borderId="0" xfId="0" applyFont="1" applyBorder="1" applyAlignment="1">
      <alignment vertical="top"/>
    </xf>
    <xf numFmtId="0" fontId="13" fillId="0" borderId="5" xfId="0" applyFont="1" applyBorder="1" applyAlignment="1">
      <alignment vertical="center"/>
    </xf>
    <xf numFmtId="0" fontId="13" fillId="0" borderId="5" xfId="0" applyFont="1" applyFill="1" applyBorder="1" applyAlignment="1">
      <alignment vertical="top"/>
    </xf>
    <xf numFmtId="0" fontId="13" fillId="0" borderId="5" xfId="0" applyFont="1" applyBorder="1" applyAlignment="1">
      <alignment vertical="top"/>
    </xf>
    <xf numFmtId="0" fontId="4" fillId="0" borderId="0" xfId="0" applyFont="1" applyFill="1" applyBorder="1" applyAlignment="1">
      <alignment horizontal="left" vertical="top" wrapText="1"/>
    </xf>
    <xf numFmtId="0" fontId="0" fillId="0" borderId="6" xfId="0" applyBorder="1" applyAlignment="1">
      <alignment vertical="center" wrapText="1"/>
    </xf>
    <xf numFmtId="0" fontId="4" fillId="0" borderId="7" xfId="0" applyFont="1" applyBorder="1" applyAlignment="1">
      <alignment vertical="center"/>
    </xf>
    <xf numFmtId="0" fontId="4" fillId="0" borderId="8" xfId="0" applyFont="1" applyBorder="1" applyAlignment="1">
      <alignment vertical="center"/>
    </xf>
    <xf numFmtId="0" fontId="4" fillId="0" borderId="9" xfId="0" applyFont="1" applyBorder="1" applyAlignment="1">
      <alignment vertical="center"/>
    </xf>
    <xf numFmtId="0" fontId="4" fillId="0" borderId="10" xfId="0" applyFont="1" applyBorder="1" applyAlignment="1">
      <alignment vertical="center"/>
    </xf>
    <xf numFmtId="0" fontId="4" fillId="0" borderId="11" xfId="0" applyFont="1" applyBorder="1" applyAlignment="1">
      <alignment vertical="center"/>
    </xf>
    <xf numFmtId="0" fontId="4" fillId="0" borderId="11" xfId="0" applyFont="1" applyFill="1" applyBorder="1" applyAlignment="1">
      <alignment vertical="center"/>
    </xf>
    <xf numFmtId="0" fontId="4" fillId="0" borderId="12" xfId="0" applyFont="1" applyFill="1" applyBorder="1" applyAlignment="1">
      <alignment vertical="center"/>
    </xf>
    <xf numFmtId="0" fontId="4" fillId="0" borderId="13" xfId="0" applyFont="1" applyBorder="1" applyAlignment="1">
      <alignment vertical="center"/>
    </xf>
    <xf numFmtId="0" fontId="4" fillId="0" borderId="14" xfId="0" applyFont="1" applyBorder="1" applyAlignment="1">
      <alignment vertical="center"/>
    </xf>
    <xf numFmtId="0" fontId="4" fillId="0" borderId="11" xfId="0" applyFont="1" applyBorder="1" applyAlignment="1">
      <alignment vertical="top"/>
    </xf>
    <xf numFmtId="0" fontId="6" fillId="0" borderId="0" xfId="0" applyFont="1" applyBorder="1" applyAlignment="1">
      <alignment vertical="top"/>
    </xf>
    <xf numFmtId="0" fontId="14" fillId="0" borderId="0" xfId="0" applyFont="1" applyBorder="1" applyAlignment="1">
      <alignment vertical="center" wrapText="1"/>
    </xf>
    <xf numFmtId="0" fontId="15" fillId="0" borderId="0" xfId="0" applyFont="1" applyFill="1" applyBorder="1" applyAlignment="1">
      <alignment vertical="center" wrapText="1"/>
    </xf>
    <xf numFmtId="0" fontId="4" fillId="0" borderId="15" xfId="0" applyFont="1" applyBorder="1" applyAlignment="1">
      <alignment vertical="center"/>
    </xf>
    <xf numFmtId="0" fontId="4" fillId="0" borderId="16" xfId="0" applyFont="1" applyBorder="1" applyAlignment="1">
      <alignment vertical="top"/>
    </xf>
    <xf numFmtId="0" fontId="4" fillId="0" borderId="16" xfId="0" applyFont="1" applyFill="1" applyBorder="1" applyAlignment="1">
      <alignment vertical="center"/>
    </xf>
    <xf numFmtId="0" fontId="4" fillId="0" borderId="17" xfId="0" applyFont="1" applyBorder="1" applyAlignment="1">
      <alignment vertical="center"/>
    </xf>
    <xf numFmtId="0" fontId="4" fillId="0" borderId="18" xfId="0" applyFont="1" applyBorder="1" applyAlignment="1">
      <alignment vertical="center"/>
    </xf>
    <xf numFmtId="0" fontId="4" fillId="0" borderId="18" xfId="0" applyFont="1" applyFill="1" applyBorder="1" applyAlignment="1">
      <alignment vertical="center"/>
    </xf>
    <xf numFmtId="0" fontId="4" fillId="0" borderId="19" xfId="0" applyFont="1" applyFill="1" applyBorder="1" applyAlignment="1">
      <alignment vertical="center"/>
    </xf>
    <xf numFmtId="0" fontId="4" fillId="0" borderId="20" xfId="0" applyFont="1" applyBorder="1" applyAlignment="1">
      <alignment vertical="center"/>
    </xf>
    <xf numFmtId="0" fontId="4" fillId="0" borderId="18" xfId="0" applyFont="1" applyBorder="1" applyAlignment="1">
      <alignment vertical="top"/>
    </xf>
    <xf numFmtId="0" fontId="4" fillId="0" borderId="6" xfId="0" applyFont="1" applyBorder="1" applyAlignment="1">
      <alignment horizontal="left" vertical="top" wrapText="1"/>
    </xf>
    <xf numFmtId="0" fontId="4" fillId="0" borderId="0" xfId="0" applyFont="1" applyBorder="1" applyAlignment="1">
      <alignment vertical="top" wrapText="1"/>
    </xf>
    <xf numFmtId="0" fontId="10" fillId="0" borderId="0" xfId="0" applyFont="1" applyFill="1" applyBorder="1" applyAlignment="1">
      <alignment horizontal="left" vertical="top" wrapText="1"/>
    </xf>
    <xf numFmtId="0" fontId="0" fillId="0" borderId="0" xfId="0" applyBorder="1" applyAlignment="1">
      <alignment vertical="center" wrapText="1"/>
    </xf>
    <xf numFmtId="0" fontId="6" fillId="0" borderId="5" xfId="0" applyFont="1" applyBorder="1" applyAlignment="1">
      <alignment vertical="top"/>
    </xf>
    <xf numFmtId="0" fontId="11" fillId="0" borderId="6" xfId="0" applyFont="1" applyBorder="1" applyAlignment="1">
      <alignment vertical="center"/>
    </xf>
    <xf numFmtId="0" fontId="4" fillId="0" borderId="21" xfId="0" applyFont="1" applyBorder="1" applyAlignment="1">
      <alignment vertical="top"/>
    </xf>
    <xf numFmtId="0" fontId="0" fillId="0" borderId="1" xfId="0" applyBorder="1" applyAlignment="1">
      <alignment vertical="center" wrapText="1"/>
    </xf>
    <xf numFmtId="0" fontId="4" fillId="0" borderId="1" xfId="0" applyFont="1" applyBorder="1" applyAlignment="1">
      <alignment vertical="top"/>
    </xf>
    <xf numFmtId="0" fontId="4" fillId="0" borderId="22" xfId="0" applyFont="1" applyBorder="1" applyAlignment="1">
      <alignment vertical="top"/>
    </xf>
    <xf numFmtId="0" fontId="4" fillId="4" borderId="23" xfId="0" applyFont="1" applyFill="1" applyBorder="1" applyAlignment="1">
      <alignment horizontal="center" vertical="center"/>
    </xf>
    <xf numFmtId="0" fontId="4" fillId="0" borderId="24" xfId="0" applyFont="1" applyBorder="1" applyAlignment="1"/>
    <xf numFmtId="0" fontId="4" fillId="4" borderId="5" xfId="0" applyFont="1" applyFill="1" applyBorder="1" applyAlignment="1">
      <alignment horizontal="center" vertical="center"/>
    </xf>
    <xf numFmtId="0" fontId="4" fillId="4" borderId="25" xfId="0" applyFont="1" applyFill="1" applyBorder="1" applyAlignment="1">
      <alignment horizontal="center" vertical="center"/>
    </xf>
    <xf numFmtId="0" fontId="17" fillId="0" borderId="0" xfId="0" applyFont="1" applyBorder="1" applyAlignment="1">
      <alignment vertical="center" wrapText="1"/>
    </xf>
    <xf numFmtId="0" fontId="17" fillId="0" borderId="24" xfId="0" applyFont="1" applyBorder="1" applyAlignment="1">
      <alignment vertical="center" wrapText="1"/>
    </xf>
    <xf numFmtId="0" fontId="0" fillId="0" borderId="24" xfId="0" applyBorder="1" applyAlignment="1">
      <alignment vertical="center" wrapText="1"/>
    </xf>
    <xf numFmtId="0" fontId="18" fillId="0" borderId="0" xfId="0" applyFont="1" applyAlignment="1"/>
    <xf numFmtId="0" fontId="19" fillId="0" borderId="0" xfId="0" applyFont="1" applyBorder="1" applyAlignment="1">
      <alignment vertical="center"/>
    </xf>
    <xf numFmtId="0" fontId="18" fillId="0" borderId="0" xfId="0" applyFont="1" applyBorder="1" applyAlignment="1">
      <alignment horizontal="center" vertical="center" wrapText="1"/>
    </xf>
    <xf numFmtId="0" fontId="18" fillId="0" borderId="0" xfId="0" applyFont="1" applyAlignment="1">
      <alignment vertical="top"/>
    </xf>
    <xf numFmtId="0" fontId="0" fillId="0" borderId="0" xfId="0" applyBorder="1" applyAlignment="1">
      <alignment vertical="center"/>
    </xf>
    <xf numFmtId="0" fontId="2" fillId="0" borderId="0" xfId="0" applyFont="1" applyBorder="1" applyAlignment="1">
      <alignment vertical="center"/>
    </xf>
    <xf numFmtId="0" fontId="4" fillId="0" borderId="0" xfId="0" applyFont="1" applyFill="1" applyBorder="1" applyAlignment="1">
      <alignment vertical="center" shrinkToFit="1"/>
    </xf>
    <xf numFmtId="0" fontId="4" fillId="0" borderId="0" xfId="0" applyFont="1" applyFill="1" applyBorder="1" applyAlignment="1">
      <alignment vertical="center" textRotation="255" wrapText="1"/>
    </xf>
    <xf numFmtId="0" fontId="12" fillId="0" borderId="0" xfId="0" applyFont="1" applyFill="1" applyBorder="1" applyAlignment="1">
      <alignment vertical="center"/>
    </xf>
    <xf numFmtId="0" fontId="4" fillId="0" borderId="0" xfId="0" applyFont="1" applyFill="1" applyBorder="1" applyAlignment="1">
      <alignment vertical="center" wrapText="1" shrinkToFit="1"/>
    </xf>
    <xf numFmtId="0" fontId="4" fillId="0" borderId="4" xfId="0" applyFont="1" applyFill="1" applyBorder="1" applyAlignment="1">
      <alignment vertical="top"/>
    </xf>
    <xf numFmtId="0" fontId="4" fillId="0" borderId="6" xfId="0" applyFont="1" applyFill="1" applyBorder="1" applyAlignment="1">
      <alignment vertical="top" wrapText="1"/>
    </xf>
    <xf numFmtId="0" fontId="4" fillId="0" borderId="6" xfId="0" applyFont="1" applyFill="1" applyBorder="1" applyAlignment="1">
      <alignment vertical="top"/>
    </xf>
    <xf numFmtId="0" fontId="6" fillId="0" borderId="6" xfId="0" applyFont="1" applyFill="1" applyBorder="1" applyAlignment="1">
      <alignment vertical="top"/>
    </xf>
    <xf numFmtId="0" fontId="15" fillId="0" borderId="6" xfId="0" applyFont="1" applyFill="1" applyBorder="1" applyAlignment="1">
      <alignment vertical="center" wrapText="1"/>
    </xf>
    <xf numFmtId="0" fontId="10" fillId="0" borderId="6" xfId="0" applyFont="1" applyFill="1" applyBorder="1" applyAlignment="1">
      <alignment horizontal="left" vertical="top" wrapText="1"/>
    </xf>
    <xf numFmtId="0" fontId="6" fillId="0" borderId="21" xfId="0" applyFont="1" applyFill="1" applyBorder="1" applyAlignment="1">
      <alignment vertical="top"/>
    </xf>
    <xf numFmtId="0" fontId="6" fillId="0" borderId="1" xfId="0" applyFont="1" applyFill="1" applyBorder="1" applyAlignment="1">
      <alignment vertical="top"/>
    </xf>
    <xf numFmtId="0" fontId="18" fillId="0" borderId="0" xfId="0" applyFont="1" applyBorder="1" applyAlignment="1">
      <alignment vertical="center" wrapText="1"/>
    </xf>
    <xf numFmtId="0" fontId="11" fillId="0" borderId="0" xfId="0" applyFont="1" applyBorder="1" applyAlignment="1">
      <alignment vertical="top"/>
    </xf>
    <xf numFmtId="0" fontId="0" fillId="0" borderId="0" xfId="0" applyBorder="1" applyAlignment="1"/>
    <xf numFmtId="0" fontId="20" fillId="0" borderId="0" xfId="0" applyFont="1" applyFill="1" applyBorder="1" applyAlignment="1">
      <alignment vertical="center"/>
    </xf>
    <xf numFmtId="0" fontId="0" fillId="0" borderId="26" xfId="0" applyBorder="1" applyAlignment="1"/>
    <xf numFmtId="0" fontId="3" fillId="0" borderId="0" xfId="0" applyFont="1" applyBorder="1" applyAlignment="1">
      <alignment vertical="center"/>
    </xf>
    <xf numFmtId="0" fontId="20" fillId="0" borderId="0" xfId="0" applyFont="1" applyFill="1" applyBorder="1" applyAlignment="1">
      <alignment horizontal="center" vertical="center"/>
    </xf>
    <xf numFmtId="0" fontId="22" fillId="0" borderId="0" xfId="0" applyFont="1" applyFill="1" applyBorder="1" applyAlignment="1">
      <alignment horizontal="center" vertical="center"/>
    </xf>
    <xf numFmtId="0" fontId="4" fillId="0" borderId="0" xfId="0" applyFont="1" applyFill="1" applyBorder="1" applyAlignment="1">
      <alignment horizontal="center" vertical="center"/>
    </xf>
    <xf numFmtId="0" fontId="3" fillId="0" borderId="0" xfId="0" applyFont="1" applyBorder="1" applyAlignment="1">
      <alignment horizontal="center" vertical="center"/>
    </xf>
    <xf numFmtId="0" fontId="10" fillId="0" borderId="0" xfId="0" applyFont="1" applyBorder="1" applyAlignment="1">
      <alignment horizontal="center" vertical="center"/>
    </xf>
    <xf numFmtId="0" fontId="3" fillId="0" borderId="5" xfId="0" applyFont="1" applyBorder="1" applyAlignment="1">
      <alignment horizontal="center" vertical="center"/>
    </xf>
    <xf numFmtId="0" fontId="26" fillId="0" borderId="5" xfId="0" applyFont="1" applyBorder="1" applyAlignment="1">
      <alignment vertical="center"/>
    </xf>
    <xf numFmtId="0" fontId="10" fillId="0" borderId="5" xfId="0" applyFont="1" applyBorder="1" applyAlignment="1">
      <alignment vertical="center"/>
    </xf>
    <xf numFmtId="0" fontId="6" fillId="0" borderId="0" xfId="0" applyFont="1" applyBorder="1" applyAlignment="1">
      <alignment vertical="center"/>
    </xf>
    <xf numFmtId="0" fontId="4" fillId="0" borderId="0" xfId="0" applyFont="1" applyBorder="1" applyAlignment="1">
      <alignment horizontal="left" vertical="top"/>
    </xf>
    <xf numFmtId="0" fontId="6" fillId="0" borderId="0" xfId="0" applyFont="1" applyBorder="1" applyAlignment="1">
      <alignment horizontal="left" vertical="top"/>
    </xf>
    <xf numFmtId="0" fontId="6" fillId="0" borderId="0" xfId="0" applyFont="1" applyBorder="1" applyAlignment="1">
      <alignment horizontal="left" vertical="center"/>
    </xf>
    <xf numFmtId="0" fontId="0" fillId="0" borderId="0" xfId="0" applyAlignment="1">
      <alignment vertical="center"/>
    </xf>
    <xf numFmtId="0" fontId="4" fillId="4" borderId="27" xfId="0" applyFont="1" applyFill="1" applyBorder="1" applyAlignment="1">
      <alignment vertical="center"/>
    </xf>
    <xf numFmtId="0" fontId="4" fillId="4" borderId="28" xfId="0" applyFont="1" applyFill="1" applyBorder="1" applyAlignment="1">
      <alignment vertical="center"/>
    </xf>
    <xf numFmtId="0" fontId="4" fillId="4" borderId="29" xfId="0" applyFont="1" applyFill="1" applyBorder="1" applyAlignment="1">
      <alignment vertical="center"/>
    </xf>
    <xf numFmtId="0" fontId="4" fillId="0" borderId="0" xfId="0" applyFont="1" applyFill="1" applyBorder="1" applyAlignment="1">
      <alignment horizontal="right" vertical="top"/>
    </xf>
    <xf numFmtId="0" fontId="6" fillId="0" borderId="0" xfId="0" applyFont="1" applyFill="1" applyBorder="1" applyAlignment="1">
      <alignment horizontal="left" vertical="top"/>
    </xf>
    <xf numFmtId="0" fontId="6" fillId="0" borderId="0" xfId="0" applyFont="1" applyFill="1" applyBorder="1" applyAlignment="1">
      <alignment horizontal="right" vertical="top"/>
    </xf>
    <xf numFmtId="0" fontId="17" fillId="0" borderId="3" xfId="0" applyFont="1" applyBorder="1" applyAlignment="1">
      <alignment vertical="center" wrapText="1"/>
    </xf>
    <xf numFmtId="0" fontId="3" fillId="0" borderId="26" xfId="0" applyFont="1" applyBorder="1" applyAlignment="1">
      <alignment horizontal="center" vertical="center"/>
    </xf>
    <xf numFmtId="0" fontId="10" fillId="0" borderId="30" xfId="0" applyFont="1" applyBorder="1" applyAlignment="1">
      <alignment horizontal="center" vertical="center"/>
    </xf>
    <xf numFmtId="0" fontId="4" fillId="0" borderId="26" xfId="0" applyFont="1" applyBorder="1" applyAlignment="1"/>
    <xf numFmtId="0" fontId="4" fillId="0" borderId="30" xfId="0" applyFont="1" applyBorder="1" applyAlignment="1">
      <alignment vertical="center"/>
    </xf>
    <xf numFmtId="0" fontId="3" fillId="0" borderId="26" xfId="0" applyFont="1" applyFill="1" applyBorder="1" applyAlignment="1">
      <alignment horizontal="left" vertical="center"/>
    </xf>
    <xf numFmtId="0" fontId="4" fillId="0" borderId="31" xfId="0" applyFont="1" applyBorder="1" applyAlignment="1"/>
    <xf numFmtId="0" fontId="6" fillId="0" borderId="1" xfId="0" applyFont="1" applyBorder="1" applyAlignment="1">
      <alignment vertical="center"/>
    </xf>
    <xf numFmtId="0" fontId="4" fillId="0" borderId="32" xfId="0" applyFont="1" applyBorder="1" applyAlignment="1">
      <alignment vertical="center"/>
    </xf>
    <xf numFmtId="0" fontId="4" fillId="0" borderId="26" xfId="0" applyFont="1" applyBorder="1" applyAlignment="1">
      <alignment horizontal="left" vertical="top"/>
    </xf>
    <xf numFmtId="0" fontId="4" fillId="0" borderId="30" xfId="0" applyFont="1" applyBorder="1" applyAlignment="1"/>
    <xf numFmtId="0" fontId="4" fillId="0" borderId="26" xfId="0" applyFont="1" applyBorder="1" applyAlignment="1">
      <alignment horizontal="center" vertical="center"/>
    </xf>
    <xf numFmtId="0" fontId="4" fillId="0" borderId="30" xfId="0" applyFont="1" applyBorder="1" applyAlignment="1">
      <alignment wrapText="1"/>
    </xf>
    <xf numFmtId="0" fontId="4" fillId="0" borderId="1" xfId="0" applyFont="1" applyBorder="1" applyAlignment="1"/>
    <xf numFmtId="0" fontId="4" fillId="0" borderId="32" xfId="0" applyFont="1" applyBorder="1" applyAlignment="1"/>
    <xf numFmtId="0" fontId="0" fillId="0" borderId="0" xfId="0" applyFont="1" applyAlignment="1"/>
    <xf numFmtId="0" fontId="0" fillId="0" borderId="0" xfId="0" applyFont="1" applyAlignment="1">
      <alignment vertical="center" wrapText="1"/>
    </xf>
    <xf numFmtId="0" fontId="7" fillId="0" borderId="3" xfId="0" applyFont="1" applyBorder="1" applyAlignment="1">
      <alignment horizontal="left"/>
    </xf>
    <xf numFmtId="0" fontId="4" fillId="0" borderId="3" xfId="0" applyFont="1" applyBorder="1" applyAlignment="1">
      <alignment vertical="center" wrapText="1"/>
    </xf>
    <xf numFmtId="0" fontId="4" fillId="0" borderId="0" xfId="0" applyFont="1" applyBorder="1" applyAlignment="1">
      <alignment vertical="center" wrapText="1"/>
    </xf>
    <xf numFmtId="0" fontId="0" fillId="0" borderId="0" xfId="0" applyFont="1" applyBorder="1" applyAlignment="1">
      <alignment vertical="center"/>
    </xf>
    <xf numFmtId="6" fontId="4" fillId="0" borderId="0" xfId="40" applyFont="1" applyFill="1" applyBorder="1" applyAlignment="1">
      <alignment vertical="top" wrapText="1"/>
    </xf>
    <xf numFmtId="0" fontId="0" fillId="0" borderId="0" xfId="0" applyFont="1" applyBorder="1" applyAlignment="1">
      <alignment vertical="top" wrapText="1"/>
    </xf>
    <xf numFmtId="0" fontId="0" fillId="0" borderId="6" xfId="0" applyFont="1" applyBorder="1" applyAlignment="1">
      <alignment vertical="top" wrapText="1"/>
    </xf>
    <xf numFmtId="0" fontId="19" fillId="0" borderId="5" xfId="0" applyFont="1" applyBorder="1" applyAlignment="1">
      <alignment vertical="center"/>
    </xf>
    <xf numFmtId="0" fontId="4" fillId="0" borderId="6" xfId="0" applyFont="1" applyBorder="1" applyAlignment="1"/>
    <xf numFmtId="0" fontId="3" fillId="0" borderId="1" xfId="0" applyFont="1" applyFill="1" applyBorder="1" applyAlignment="1">
      <alignment horizontal="left" vertical="center"/>
    </xf>
    <xf numFmtId="0" fontId="0" fillId="0" borderId="1" xfId="0" applyFont="1" applyBorder="1" applyAlignment="1">
      <alignment horizontal="left" vertical="center"/>
    </xf>
    <xf numFmtId="0" fontId="4" fillId="0" borderId="5" xfId="0" applyFont="1" applyBorder="1" applyAlignment="1"/>
    <xf numFmtId="0" fontId="2" fillId="0" borderId="0" xfId="0" applyFont="1" applyAlignment="1">
      <alignment vertical="center" wrapText="1"/>
    </xf>
    <xf numFmtId="0" fontId="18" fillId="0" borderId="0" xfId="0" applyFont="1" applyBorder="1" applyAlignment="1"/>
    <xf numFmtId="0" fontId="18" fillId="0" borderId="0" xfId="0" applyFont="1" applyBorder="1" applyAlignment="1">
      <alignment vertical="top"/>
    </xf>
    <xf numFmtId="0" fontId="53" fillId="0" borderId="0" xfId="0" applyFont="1" applyBorder="1" applyAlignment="1"/>
    <xf numFmtId="0" fontId="53" fillId="0" borderId="0" xfId="0" applyFont="1" applyBorder="1" applyAlignment="1">
      <alignment vertical="top"/>
    </xf>
    <xf numFmtId="0" fontId="53" fillId="0" borderId="0" xfId="0" applyFont="1" applyAlignment="1"/>
    <xf numFmtId="0" fontId="53" fillId="0" borderId="0" xfId="0" applyFont="1" applyFill="1" applyBorder="1" applyAlignment="1">
      <alignment vertical="top"/>
    </xf>
    <xf numFmtId="0" fontId="18" fillId="0" borderId="6" xfId="0" applyFont="1" applyBorder="1" applyAlignment="1">
      <alignment vertical="top"/>
    </xf>
    <xf numFmtId="0" fontId="18" fillId="0" borderId="6" xfId="0" applyFont="1" applyBorder="1" applyAlignment="1"/>
    <xf numFmtId="0" fontId="18" fillId="0" borderId="6" xfId="0" applyFont="1" applyBorder="1" applyAlignment="1">
      <alignment horizontal="right" vertical="top"/>
    </xf>
    <xf numFmtId="0" fontId="18" fillId="0" borderId="0" xfId="0" applyFont="1" applyBorder="1" applyAlignment="1">
      <alignment horizontal="left" vertical="top"/>
    </xf>
    <xf numFmtId="0" fontId="35" fillId="0" borderId="0" xfId="0" applyFont="1" applyAlignment="1">
      <alignment vertical="center"/>
    </xf>
    <xf numFmtId="0" fontId="13" fillId="0" borderId="5" xfId="0" applyFont="1" applyBorder="1" applyAlignment="1"/>
    <xf numFmtId="0" fontId="4" fillId="0" borderId="5" xfId="0" applyFont="1" applyFill="1" applyBorder="1" applyAlignment="1">
      <alignment vertical="center"/>
    </xf>
    <xf numFmtId="0" fontId="8" fillId="0" borderId="0" xfId="0" applyFont="1" applyBorder="1" applyAlignment="1">
      <alignment horizontal="center" vertical="center"/>
    </xf>
    <xf numFmtId="0" fontId="14" fillId="0" borderId="0" xfId="0" applyFont="1" applyFill="1" applyBorder="1" applyAlignment="1">
      <alignment vertical="center" wrapText="1"/>
    </xf>
    <xf numFmtId="0" fontId="8" fillId="0" borderId="0" xfId="0" applyFont="1" applyFill="1" applyBorder="1" applyAlignment="1">
      <alignment vertical="center"/>
    </xf>
    <xf numFmtId="0" fontId="8" fillId="0" borderId="0" xfId="0" applyFont="1" applyBorder="1" applyAlignment="1">
      <alignment vertical="center"/>
    </xf>
    <xf numFmtId="0" fontId="6" fillId="0" borderId="0" xfId="0" applyFont="1" applyBorder="1" applyAlignment="1"/>
    <xf numFmtId="0" fontId="6" fillId="0" borderId="0" xfId="0" applyFont="1" applyBorder="1" applyAlignment="1">
      <alignment horizontal="right" vertical="center"/>
    </xf>
    <xf numFmtId="0" fontId="7" fillId="0" borderId="0" xfId="0" applyFont="1" applyBorder="1" applyAlignment="1">
      <alignment horizontal="left" vertical="top" wrapText="1"/>
    </xf>
    <xf numFmtId="0" fontId="29" fillId="0" borderId="0" xfId="0" applyFont="1" applyAlignment="1">
      <alignment horizontal="center" vertical="center" wrapText="1"/>
    </xf>
    <xf numFmtId="0" fontId="7" fillId="0" borderId="3" xfId="0" applyFont="1" applyBorder="1" applyAlignment="1">
      <alignment horizontal="left"/>
    </xf>
    <xf numFmtId="0" fontId="30" fillId="0" borderId="3" xfId="0" applyFont="1" applyBorder="1" applyAlignment="1">
      <alignment horizontal="left"/>
    </xf>
    <xf numFmtId="0" fontId="30" fillId="0" borderId="33" xfId="0" applyFont="1" applyBorder="1" applyAlignment="1">
      <alignment horizontal="left"/>
    </xf>
    <xf numFmtId="0" fontId="21" fillId="0" borderId="5" xfId="0" applyFont="1" applyBorder="1" applyAlignment="1">
      <alignment horizontal="left"/>
    </xf>
    <xf numFmtId="0" fontId="31" fillId="0" borderId="0" xfId="0" applyFont="1" applyBorder="1" applyAlignment="1">
      <alignment horizontal="left"/>
    </xf>
    <xf numFmtId="0" fontId="31" fillId="0" borderId="30" xfId="0" applyFont="1" applyBorder="1" applyAlignment="1">
      <alignment horizontal="left"/>
    </xf>
    <xf numFmtId="0" fontId="31" fillId="0" borderId="5" xfId="0" applyFont="1" applyBorder="1" applyAlignment="1">
      <alignment horizontal="left"/>
    </xf>
    <xf numFmtId="0" fontId="31" fillId="0" borderId="25" xfId="0" applyFont="1" applyBorder="1" applyAlignment="1">
      <alignment horizontal="left"/>
    </xf>
    <xf numFmtId="0" fontId="31" fillId="0" borderId="34" xfId="0" applyFont="1" applyBorder="1" applyAlignment="1">
      <alignment horizontal="left"/>
    </xf>
    <xf numFmtId="0" fontId="31" fillId="0" borderId="35" xfId="0" applyFont="1" applyBorder="1" applyAlignment="1">
      <alignment horizontal="left"/>
    </xf>
    <xf numFmtId="0" fontId="5" fillId="0" borderId="0" xfId="0" applyFont="1" applyAlignment="1">
      <alignment horizontal="center" vertical="center"/>
    </xf>
    <xf numFmtId="0" fontId="0" fillId="0" borderId="0" xfId="0" applyFont="1" applyAlignment="1">
      <alignment vertical="center"/>
    </xf>
    <xf numFmtId="0" fontId="17" fillId="0" borderId="0" xfId="0" applyFont="1" applyFill="1" applyBorder="1" applyAlignment="1">
      <alignment horizontal="left" vertical="top" wrapText="1"/>
    </xf>
    <xf numFmtId="0" fontId="7" fillId="0" borderId="0" xfId="0" applyFont="1" applyFill="1" applyBorder="1" applyAlignment="1">
      <alignment horizontal="left" vertical="top" wrapText="1"/>
    </xf>
    <xf numFmtId="0" fontId="0" fillId="0" borderId="0" xfId="0" applyFont="1" applyAlignment="1">
      <alignment vertical="center" wrapText="1"/>
    </xf>
    <xf numFmtId="0" fontId="4" fillId="0" borderId="26" xfId="0" applyFont="1" applyBorder="1" applyAlignment="1">
      <alignment horizontal="left" vertical="center" wrapText="1"/>
    </xf>
    <xf numFmtId="0" fontId="4" fillId="0" borderId="0" xfId="0" applyFont="1" applyBorder="1" applyAlignment="1">
      <alignment horizontal="left" vertical="center" wrapText="1"/>
    </xf>
    <xf numFmtId="0" fontId="4" fillId="0" borderId="30" xfId="0" applyFont="1" applyBorder="1" applyAlignment="1">
      <alignment horizontal="left" vertical="center" wrapText="1"/>
    </xf>
    <xf numFmtId="0" fontId="4" fillId="1" borderId="2" xfId="0" applyFont="1" applyFill="1" applyBorder="1" applyAlignment="1">
      <alignment horizontal="center" vertical="center" textRotation="255"/>
    </xf>
    <xf numFmtId="0" fontId="4" fillId="1" borderId="33" xfId="0" applyFont="1" applyFill="1" applyBorder="1" applyAlignment="1">
      <alignment horizontal="center" vertical="center" textRotation="255"/>
    </xf>
    <xf numFmtId="0" fontId="4" fillId="1" borderId="5" xfId="0" applyFont="1" applyFill="1" applyBorder="1" applyAlignment="1">
      <alignment horizontal="center" vertical="center" textRotation="255"/>
    </xf>
    <xf numFmtId="0" fontId="4" fillId="1" borderId="30" xfId="0" applyFont="1" applyFill="1" applyBorder="1" applyAlignment="1">
      <alignment horizontal="center" vertical="center" textRotation="255"/>
    </xf>
    <xf numFmtId="0" fontId="4" fillId="1" borderId="25" xfId="0" applyFont="1" applyFill="1" applyBorder="1" applyAlignment="1">
      <alignment horizontal="center" vertical="center" textRotation="255"/>
    </xf>
    <xf numFmtId="0" fontId="4" fillId="1" borderId="35" xfId="0" applyFont="1" applyFill="1" applyBorder="1" applyAlignment="1">
      <alignment horizontal="center" vertical="center" textRotation="255"/>
    </xf>
    <xf numFmtId="0" fontId="4" fillId="0" borderId="40" xfId="0" applyFont="1" applyBorder="1" applyAlignment="1">
      <alignment horizontal="center" vertical="center"/>
    </xf>
    <xf numFmtId="0" fontId="4" fillId="0" borderId="24" xfId="0" applyFont="1" applyBorder="1" applyAlignment="1">
      <alignment horizontal="center" vertical="center"/>
    </xf>
    <xf numFmtId="0" fontId="4" fillId="0" borderId="52" xfId="0" applyFont="1" applyBorder="1" applyAlignment="1">
      <alignment horizontal="center" vertical="center"/>
    </xf>
    <xf numFmtId="0" fontId="4" fillId="0" borderId="26" xfId="0" applyFont="1" applyBorder="1" applyAlignment="1">
      <alignment horizontal="center" vertical="center"/>
    </xf>
    <xf numFmtId="0" fontId="4" fillId="0" borderId="0" xfId="0" applyFont="1" applyBorder="1" applyAlignment="1">
      <alignment horizontal="center" vertical="center"/>
    </xf>
    <xf numFmtId="0" fontId="4" fillId="0" borderId="6" xfId="0" applyFont="1" applyBorder="1" applyAlignment="1">
      <alignment horizontal="center" vertical="center"/>
    </xf>
    <xf numFmtId="0" fontId="4" fillId="0" borderId="49" xfId="0" applyFont="1" applyBorder="1" applyAlignment="1">
      <alignment horizontal="center" vertical="center"/>
    </xf>
    <xf numFmtId="0" fontId="4" fillId="0" borderId="34" xfId="0" applyFont="1" applyBorder="1" applyAlignment="1">
      <alignment horizontal="center" vertical="center"/>
    </xf>
    <xf numFmtId="0" fontId="4" fillId="0" borderId="39" xfId="0" applyFont="1" applyBorder="1" applyAlignment="1">
      <alignment horizontal="center" vertical="center"/>
    </xf>
    <xf numFmtId="0" fontId="21" fillId="0" borderId="23" xfId="0" applyFont="1" applyBorder="1" applyAlignment="1">
      <alignment horizontal="left" vertical="center"/>
    </xf>
    <xf numFmtId="0" fontId="21" fillId="0" borderId="24" xfId="0" applyFont="1" applyBorder="1" applyAlignment="1">
      <alignment horizontal="left" vertical="center"/>
    </xf>
    <xf numFmtId="0" fontId="21" fillId="0" borderId="41" xfId="0" applyFont="1" applyBorder="1" applyAlignment="1">
      <alignment horizontal="left" vertical="center"/>
    </xf>
    <xf numFmtId="0" fontId="21" fillId="0" borderId="5" xfId="0" applyFont="1" applyBorder="1" applyAlignment="1">
      <alignment horizontal="left" vertical="center"/>
    </xf>
    <xf numFmtId="0" fontId="21" fillId="0" borderId="0" xfId="0" applyFont="1" applyBorder="1" applyAlignment="1">
      <alignment horizontal="left" vertical="center"/>
    </xf>
    <xf numFmtId="0" fontId="21" fillId="0" borderId="30" xfId="0" applyFont="1" applyBorder="1" applyAlignment="1">
      <alignment horizontal="left" vertical="center"/>
    </xf>
    <xf numFmtId="0" fontId="21" fillId="0" borderId="25" xfId="0" applyFont="1" applyBorder="1" applyAlignment="1">
      <alignment horizontal="left" vertical="center"/>
    </xf>
    <xf numFmtId="0" fontId="21" fillId="0" borderId="34" xfId="0" applyFont="1" applyBorder="1" applyAlignment="1">
      <alignment horizontal="left" vertical="center"/>
    </xf>
    <xf numFmtId="0" fontId="21" fillId="0" borderId="35" xfId="0" applyFont="1" applyBorder="1" applyAlignment="1">
      <alignment horizontal="left" vertical="center"/>
    </xf>
    <xf numFmtId="0" fontId="4" fillId="0" borderId="42" xfId="0" applyFont="1" applyBorder="1" applyAlignment="1">
      <alignment horizontal="center" vertical="center" textRotation="255"/>
    </xf>
    <xf numFmtId="0" fontId="4" fillId="0" borderId="33" xfId="0" applyFont="1" applyBorder="1" applyAlignment="1">
      <alignment horizontal="center" vertical="center" textRotation="255"/>
    </xf>
    <xf numFmtId="0" fontId="4" fillId="0" borderId="26" xfId="0" applyFont="1" applyBorder="1" applyAlignment="1">
      <alignment horizontal="center" vertical="center" textRotation="255"/>
    </xf>
    <xf numFmtId="0" fontId="4" fillId="0" borderId="30" xfId="0" applyFont="1" applyBorder="1" applyAlignment="1">
      <alignment horizontal="center" vertical="center" textRotation="255"/>
    </xf>
    <xf numFmtId="0" fontId="4" fillId="0" borderId="49" xfId="0" applyFont="1" applyBorder="1" applyAlignment="1">
      <alignment horizontal="center" vertical="center" textRotation="255"/>
    </xf>
    <xf numFmtId="0" fontId="4" fillId="0" borderId="35" xfId="0" applyFont="1" applyBorder="1" applyAlignment="1">
      <alignment horizontal="center" vertical="center" textRotation="255"/>
    </xf>
    <xf numFmtId="0" fontId="4" fillId="0" borderId="41" xfId="0" applyFont="1" applyBorder="1" applyAlignment="1">
      <alignment horizontal="center" vertical="center"/>
    </xf>
    <xf numFmtId="0" fontId="4" fillId="0" borderId="49" xfId="0" applyFont="1" applyBorder="1" applyAlignment="1">
      <alignment horizontal="center"/>
    </xf>
    <xf numFmtId="0" fontId="4" fillId="0" borderId="34" xfId="0" applyFont="1" applyBorder="1" applyAlignment="1">
      <alignment horizontal="center"/>
    </xf>
    <xf numFmtId="0" fontId="4" fillId="0" borderId="35" xfId="0" applyFont="1" applyBorder="1" applyAlignment="1">
      <alignment horizontal="center"/>
    </xf>
    <xf numFmtId="49" fontId="21" fillId="0" borderId="26" xfId="0" applyNumberFormat="1" applyFont="1" applyBorder="1" applyAlignment="1">
      <alignment horizontal="center"/>
    </xf>
    <xf numFmtId="49" fontId="21" fillId="0" borderId="0" xfId="0" applyNumberFormat="1" applyFont="1" applyBorder="1" applyAlignment="1">
      <alignment horizontal="center"/>
    </xf>
    <xf numFmtId="49" fontId="21" fillId="0" borderId="30" xfId="0" applyNumberFormat="1" applyFont="1" applyBorder="1" applyAlignment="1">
      <alignment horizontal="center"/>
    </xf>
    <xf numFmtId="49" fontId="21" fillId="0" borderId="49" xfId="0" applyNumberFormat="1" applyFont="1" applyBorder="1" applyAlignment="1">
      <alignment horizontal="center"/>
    </xf>
    <xf numFmtId="49" fontId="21" fillId="0" borderId="34" xfId="0" applyNumberFormat="1" applyFont="1" applyBorder="1" applyAlignment="1">
      <alignment horizontal="center"/>
    </xf>
    <xf numFmtId="49" fontId="21" fillId="0" borderId="35" xfId="0" applyNumberFormat="1" applyFont="1" applyBorder="1" applyAlignment="1">
      <alignment horizontal="center"/>
    </xf>
    <xf numFmtId="0" fontId="4" fillId="0" borderId="42" xfId="0" applyFont="1" applyBorder="1" applyAlignment="1">
      <alignment horizontal="center" vertical="center"/>
    </xf>
    <xf numFmtId="0" fontId="4" fillId="0" borderId="3" xfId="0" applyFont="1" applyBorder="1" applyAlignment="1">
      <alignment horizontal="center" vertical="center"/>
    </xf>
    <xf numFmtId="0" fontId="4" fillId="0" borderId="4" xfId="0" applyFont="1" applyBorder="1" applyAlignment="1">
      <alignment horizontal="center" vertical="center"/>
    </xf>
    <xf numFmtId="0" fontId="4" fillId="0" borderId="50" xfId="0" applyFont="1" applyBorder="1" applyAlignment="1">
      <alignment horizontal="center" vertical="center" wrapText="1"/>
    </xf>
    <xf numFmtId="0" fontId="4" fillId="1" borderId="2" xfId="0" applyFont="1" applyFill="1" applyBorder="1" applyAlignment="1">
      <alignment horizontal="center" vertical="center" textRotation="255" wrapText="1"/>
    </xf>
    <xf numFmtId="0" fontId="4" fillId="1" borderId="3" xfId="0" applyFont="1" applyFill="1" applyBorder="1" applyAlignment="1">
      <alignment horizontal="center" vertical="center" textRotation="255" wrapText="1"/>
    </xf>
    <xf numFmtId="0" fontId="4" fillId="1" borderId="5" xfId="0" applyFont="1" applyFill="1" applyBorder="1" applyAlignment="1">
      <alignment horizontal="center" vertical="center" textRotation="255" wrapText="1"/>
    </xf>
    <xf numFmtId="0" fontId="4" fillId="1" borderId="0" xfId="0" applyFont="1" applyFill="1" applyBorder="1" applyAlignment="1">
      <alignment horizontal="center" vertical="center" textRotation="255" wrapText="1"/>
    </xf>
    <xf numFmtId="0" fontId="4" fillId="1" borderId="25" xfId="0" applyFont="1" applyFill="1" applyBorder="1" applyAlignment="1">
      <alignment horizontal="center" vertical="center" textRotation="255" wrapText="1"/>
    </xf>
    <xf numFmtId="0" fontId="4" fillId="1" borderId="34" xfId="0" applyFont="1" applyFill="1" applyBorder="1" applyAlignment="1">
      <alignment horizontal="center" vertical="center" textRotation="255" wrapText="1"/>
    </xf>
    <xf numFmtId="0" fontId="17" fillId="0" borderId="2" xfId="0" applyFont="1" applyBorder="1" applyAlignment="1">
      <alignment vertical="center" wrapText="1"/>
    </xf>
    <xf numFmtId="0" fontId="17" fillId="0" borderId="3" xfId="0" applyFont="1" applyBorder="1" applyAlignment="1">
      <alignment vertical="center" wrapText="1"/>
    </xf>
    <xf numFmtId="0" fontId="17" fillId="0" borderId="4" xfId="0" applyFont="1" applyBorder="1" applyAlignment="1">
      <alignment vertical="center" wrapText="1"/>
    </xf>
    <xf numFmtId="0" fontId="17" fillId="0" borderId="5" xfId="0" applyFont="1" applyBorder="1" applyAlignment="1">
      <alignment vertical="center" wrapText="1"/>
    </xf>
    <xf numFmtId="0" fontId="17" fillId="0" borderId="0" xfId="0" applyFont="1" applyAlignment="1">
      <alignment vertical="center" wrapText="1"/>
    </xf>
    <xf numFmtId="0" fontId="17" fillId="0" borderId="6" xfId="0" applyFont="1" applyBorder="1" applyAlignment="1">
      <alignment vertical="center" wrapText="1"/>
    </xf>
    <xf numFmtId="0" fontId="17" fillId="0" borderId="25" xfId="0" applyFont="1" applyBorder="1" applyAlignment="1">
      <alignment vertical="center" wrapText="1"/>
    </xf>
    <xf numFmtId="0" fontId="17" fillId="0" borderId="34" xfId="0" applyFont="1" applyBorder="1" applyAlignment="1">
      <alignment vertical="center" wrapText="1"/>
    </xf>
    <xf numFmtId="0" fontId="17" fillId="0" borderId="39" xfId="0" applyFont="1" applyBorder="1" applyAlignment="1">
      <alignment vertical="center" wrapText="1"/>
    </xf>
    <xf numFmtId="0" fontId="28" fillId="0" borderId="5" xfId="0" applyFont="1" applyBorder="1" applyAlignment="1">
      <alignment horizontal="center" vertical="center"/>
    </xf>
    <xf numFmtId="0" fontId="0" fillId="0" borderId="0" xfId="0" applyFont="1" applyAlignment="1">
      <alignment horizontal="center" vertical="center"/>
    </xf>
    <xf numFmtId="0" fontId="7" fillId="0" borderId="43" xfId="0" applyFont="1" applyBorder="1" applyAlignment="1">
      <alignment vertical="center"/>
    </xf>
    <xf numFmtId="0" fontId="7" fillId="0" borderId="44" xfId="0" applyFont="1" applyBorder="1" applyAlignment="1">
      <alignment vertical="center"/>
    </xf>
    <xf numFmtId="0" fontId="30" fillId="0" borderId="45" xfId="0" applyFont="1" applyBorder="1" applyAlignment="1">
      <alignment vertical="center"/>
    </xf>
    <xf numFmtId="0" fontId="4" fillId="1" borderId="4" xfId="0" applyFont="1" applyFill="1" applyBorder="1" applyAlignment="1">
      <alignment horizontal="center" vertical="center" textRotation="255" wrapText="1"/>
    </xf>
    <xf numFmtId="0" fontId="4" fillId="1" borderId="6" xfId="0" applyFont="1" applyFill="1" applyBorder="1" applyAlignment="1">
      <alignment horizontal="center" vertical="center" textRotation="255" wrapText="1"/>
    </xf>
    <xf numFmtId="0" fontId="0" fillId="0" borderId="5" xfId="0" applyFont="1" applyBorder="1" applyAlignment="1">
      <alignment vertical="center" textRotation="255" wrapText="1"/>
    </xf>
    <xf numFmtId="0" fontId="0" fillId="0" borderId="6" xfId="0" applyFont="1" applyBorder="1" applyAlignment="1">
      <alignment vertical="center" textRotation="255" wrapText="1"/>
    </xf>
    <xf numFmtId="0" fontId="0" fillId="0" borderId="25" xfId="0" applyFont="1" applyBorder="1" applyAlignment="1">
      <alignment vertical="center" textRotation="255" wrapText="1"/>
    </xf>
    <xf numFmtId="0" fontId="0" fillId="0" borderId="39" xfId="0" applyFont="1" applyBorder="1" applyAlignment="1">
      <alignment vertical="center" textRotation="255" wrapText="1"/>
    </xf>
    <xf numFmtId="0" fontId="17" fillId="0" borderId="2" xfId="0" applyFont="1" applyBorder="1" applyAlignment="1">
      <alignment horizontal="left" vertical="center" wrapText="1"/>
    </xf>
    <xf numFmtId="0" fontId="17" fillId="0" borderId="3" xfId="0" applyFont="1" applyBorder="1" applyAlignment="1">
      <alignment horizontal="left" vertical="center" wrapText="1"/>
    </xf>
    <xf numFmtId="0" fontId="17" fillId="0" borderId="4" xfId="0" applyFont="1" applyBorder="1" applyAlignment="1">
      <alignment horizontal="left" vertical="center" wrapText="1"/>
    </xf>
    <xf numFmtId="0" fontId="17" fillId="0" borderId="5" xfId="0" applyFont="1" applyBorder="1" applyAlignment="1">
      <alignment horizontal="left" vertical="center" wrapText="1"/>
    </xf>
    <xf numFmtId="0" fontId="17" fillId="0" borderId="0" xfId="0" applyFont="1" applyBorder="1" applyAlignment="1">
      <alignment horizontal="left" vertical="center" wrapText="1"/>
    </xf>
    <xf numFmtId="0" fontId="17" fillId="0" borderId="6" xfId="0" applyFont="1" applyBorder="1" applyAlignment="1">
      <alignment horizontal="left" vertical="center" wrapText="1"/>
    </xf>
    <xf numFmtId="0" fontId="17" fillId="0" borderId="25" xfId="0" applyFont="1" applyBorder="1" applyAlignment="1">
      <alignment horizontal="left" vertical="center" wrapText="1"/>
    </xf>
    <xf numFmtId="0" fontId="17" fillId="0" borderId="34" xfId="0" applyFont="1" applyBorder="1" applyAlignment="1">
      <alignment horizontal="left" vertical="center" wrapText="1"/>
    </xf>
    <xf numFmtId="0" fontId="17" fillId="0" borderId="39" xfId="0" applyFont="1" applyBorder="1" applyAlignment="1">
      <alignment horizontal="left" vertical="center" wrapText="1"/>
    </xf>
    <xf numFmtId="0" fontId="7" fillId="0" borderId="43" xfId="0" applyFont="1" applyFill="1" applyBorder="1" applyAlignment="1">
      <alignment vertical="center"/>
    </xf>
    <xf numFmtId="0" fontId="7" fillId="0" borderId="44" xfId="0" applyFont="1" applyFill="1" applyBorder="1" applyAlignment="1">
      <alignment vertical="center"/>
    </xf>
    <xf numFmtId="0" fontId="7" fillId="0" borderId="46" xfId="0" applyFont="1" applyBorder="1" applyAlignment="1">
      <alignment vertical="center"/>
    </xf>
    <xf numFmtId="0" fontId="7" fillId="0" borderId="47" xfId="0" applyFont="1" applyBorder="1" applyAlignment="1">
      <alignment vertical="center"/>
    </xf>
    <xf numFmtId="0" fontId="30" fillId="0" borderId="48" xfId="0" applyFont="1" applyBorder="1" applyAlignment="1">
      <alignment vertical="center"/>
    </xf>
    <xf numFmtId="0" fontId="10" fillId="0" borderId="42" xfId="0" applyFont="1" applyFill="1" applyBorder="1" applyAlignment="1">
      <alignment vertical="center"/>
    </xf>
    <xf numFmtId="0" fontId="5" fillId="0" borderId="3" xfId="0" applyFont="1" applyBorder="1" applyAlignment="1">
      <alignment vertical="center"/>
    </xf>
    <xf numFmtId="0" fontId="10" fillId="0" borderId="26" xfId="0" applyFont="1" applyFill="1" applyBorder="1" applyAlignment="1">
      <alignment vertical="center"/>
    </xf>
    <xf numFmtId="0" fontId="5" fillId="0" borderId="0" xfId="0" applyFont="1" applyBorder="1" applyAlignment="1">
      <alignment vertical="center"/>
    </xf>
    <xf numFmtId="0" fontId="5" fillId="0" borderId="49" xfId="0" applyFont="1" applyBorder="1" applyAlignment="1">
      <alignment vertical="center"/>
    </xf>
    <xf numFmtId="0" fontId="5" fillId="0" borderId="34" xfId="0" applyFont="1" applyBorder="1" applyAlignment="1">
      <alignment vertical="center"/>
    </xf>
    <xf numFmtId="0" fontId="10" fillId="0" borderId="3" xfId="0" applyFont="1" applyBorder="1" applyAlignment="1">
      <alignment horizontal="center" vertical="center"/>
    </xf>
    <xf numFmtId="0" fontId="5" fillId="0" borderId="3" xfId="0" applyFont="1" applyBorder="1" applyAlignment="1">
      <alignment horizontal="center" vertical="center"/>
    </xf>
    <xf numFmtId="0" fontId="10" fillId="0" borderId="0" xfId="0" applyFont="1" applyBorder="1" applyAlignment="1">
      <alignment horizontal="center" vertical="center"/>
    </xf>
    <xf numFmtId="0" fontId="5" fillId="0" borderId="0" xfId="0" applyFont="1" applyBorder="1" applyAlignment="1">
      <alignment horizontal="center" vertical="center"/>
    </xf>
    <xf numFmtId="0" fontId="5" fillId="0" borderId="34" xfId="0" applyFont="1" applyBorder="1" applyAlignment="1">
      <alignment horizontal="center" vertical="center"/>
    </xf>
    <xf numFmtId="0" fontId="7" fillId="0" borderId="36" xfId="0" applyFont="1" applyBorder="1" applyAlignment="1">
      <alignment vertical="center"/>
    </xf>
    <xf numFmtId="0" fontId="7" fillId="0" borderId="37" xfId="0" applyFont="1" applyBorder="1" applyAlignment="1">
      <alignment vertical="center"/>
    </xf>
    <xf numFmtId="0" fontId="30" fillId="0" borderId="38" xfId="0" applyFont="1" applyBorder="1" applyAlignment="1">
      <alignment vertical="center"/>
    </xf>
    <xf numFmtId="0" fontId="4" fillId="0" borderId="5" xfId="0" applyFont="1" applyBorder="1" applyAlignment="1">
      <alignment horizontal="center" vertical="center"/>
    </xf>
    <xf numFmtId="0" fontId="4" fillId="0" borderId="2" xfId="0" applyFont="1" applyBorder="1" applyAlignment="1">
      <alignment horizontal="center" vertical="center"/>
    </xf>
    <xf numFmtId="0" fontId="0" fillId="0" borderId="3" xfId="0" applyFont="1" applyBorder="1" applyAlignment="1">
      <alignment horizontal="center" vertical="center"/>
    </xf>
    <xf numFmtId="0" fontId="0" fillId="0" borderId="33" xfId="0" applyFont="1" applyBorder="1" applyAlignment="1">
      <alignment horizontal="center" vertical="center"/>
    </xf>
    <xf numFmtId="0" fontId="0" fillId="0" borderId="0" xfId="0" applyFont="1" applyBorder="1" applyAlignment="1">
      <alignment horizontal="center" vertical="center"/>
    </xf>
    <xf numFmtId="0" fontId="0" fillId="0" borderId="30" xfId="0" applyFont="1" applyBorder="1" applyAlignment="1">
      <alignment horizontal="center" vertical="center"/>
    </xf>
    <xf numFmtId="0" fontId="0" fillId="0" borderId="25" xfId="0" applyFont="1" applyBorder="1" applyAlignment="1">
      <alignment horizontal="center" vertical="center"/>
    </xf>
    <xf numFmtId="0" fontId="0" fillId="0" borderId="34" xfId="0" applyFont="1" applyBorder="1" applyAlignment="1">
      <alignment horizontal="center" vertical="center"/>
    </xf>
    <xf numFmtId="0" fontId="0" fillId="0" borderId="35" xfId="0" applyFont="1" applyBorder="1" applyAlignment="1">
      <alignment horizontal="center" vertical="center"/>
    </xf>
    <xf numFmtId="0" fontId="7" fillId="0" borderId="36" xfId="0" applyFont="1" applyFill="1" applyBorder="1" applyAlignment="1">
      <alignment vertical="center"/>
    </xf>
    <xf numFmtId="0" fontId="7" fillId="0" borderId="37" xfId="0" applyFont="1" applyFill="1" applyBorder="1" applyAlignment="1">
      <alignment vertical="center"/>
    </xf>
    <xf numFmtId="0" fontId="4" fillId="0" borderId="2" xfId="0" applyFont="1" applyBorder="1" applyAlignment="1">
      <alignment horizontal="center" vertical="center" wrapText="1"/>
    </xf>
    <xf numFmtId="0" fontId="18" fillId="0" borderId="3" xfId="0" applyFont="1" applyBorder="1" applyAlignment="1">
      <alignment horizontal="center" vertical="center"/>
    </xf>
    <xf numFmtId="0" fontId="18" fillId="0" borderId="4" xfId="0" applyFont="1" applyBorder="1" applyAlignment="1">
      <alignment horizontal="center" vertical="center"/>
    </xf>
    <xf numFmtId="0" fontId="18" fillId="0" borderId="25" xfId="0" applyFont="1" applyBorder="1" applyAlignment="1">
      <alignment horizontal="center" vertical="center"/>
    </xf>
    <xf numFmtId="0" fontId="18" fillId="0" borderId="34" xfId="0" applyFont="1" applyBorder="1" applyAlignment="1">
      <alignment horizontal="center" vertical="center"/>
    </xf>
    <xf numFmtId="0" fontId="18" fillId="0" borderId="39" xfId="0" applyFont="1" applyBorder="1" applyAlignment="1">
      <alignment horizontal="center" vertical="center"/>
    </xf>
    <xf numFmtId="0" fontId="18" fillId="0" borderId="5" xfId="0" applyFont="1" applyBorder="1" applyAlignment="1">
      <alignment horizontal="center" vertical="center"/>
    </xf>
    <xf numFmtId="0" fontId="18" fillId="0" borderId="0" xfId="0" applyFont="1" applyBorder="1" applyAlignment="1">
      <alignment horizontal="center" vertical="center"/>
    </xf>
    <xf numFmtId="0" fontId="18" fillId="0" borderId="6" xfId="0" applyFont="1" applyBorder="1" applyAlignment="1">
      <alignment horizontal="center" vertical="center"/>
    </xf>
    <xf numFmtId="0" fontId="4" fillId="0" borderId="2" xfId="0" applyFont="1" applyFill="1" applyBorder="1" applyAlignment="1">
      <alignment horizontal="left" vertical="top" wrapText="1"/>
    </xf>
    <xf numFmtId="0" fontId="4" fillId="0" borderId="3" xfId="0" applyFont="1" applyBorder="1" applyAlignment="1">
      <alignment horizontal="left" vertical="top" wrapText="1"/>
    </xf>
    <xf numFmtId="0" fontId="4" fillId="0" borderId="4" xfId="0" applyFont="1" applyBorder="1" applyAlignment="1">
      <alignment horizontal="left" vertical="top" wrapText="1"/>
    </xf>
    <xf numFmtId="0" fontId="4" fillId="0" borderId="5" xfId="0" applyFont="1" applyBorder="1" applyAlignment="1">
      <alignment horizontal="left" vertical="top" wrapText="1"/>
    </xf>
    <xf numFmtId="0" fontId="4" fillId="0" borderId="0" xfId="0" applyFont="1" applyAlignment="1">
      <alignment horizontal="left" vertical="top" wrapText="1"/>
    </xf>
    <xf numFmtId="0" fontId="4" fillId="0" borderId="6" xfId="0" applyFont="1" applyBorder="1" applyAlignment="1">
      <alignment horizontal="left" vertical="top" wrapText="1"/>
    </xf>
    <xf numFmtId="0" fontId="4" fillId="0" borderId="40" xfId="0" applyFont="1" applyBorder="1" applyAlignment="1">
      <alignment horizontal="left" vertical="top" wrapText="1"/>
    </xf>
    <xf numFmtId="0" fontId="4" fillId="0" borderId="24" xfId="0" applyFont="1" applyBorder="1" applyAlignment="1">
      <alignment horizontal="left" vertical="top" wrapText="1"/>
    </xf>
    <xf numFmtId="0" fontId="4" fillId="0" borderId="41" xfId="0" applyFont="1" applyBorder="1" applyAlignment="1">
      <alignment horizontal="left" vertical="top" wrapText="1"/>
    </xf>
    <xf numFmtId="0" fontId="4" fillId="0" borderId="26" xfId="0" applyFont="1" applyBorder="1" applyAlignment="1">
      <alignment horizontal="left" vertical="top" wrapText="1"/>
    </xf>
    <xf numFmtId="0" fontId="4" fillId="0" borderId="0" xfId="0" applyFont="1" applyBorder="1" applyAlignment="1">
      <alignment horizontal="left" vertical="top" wrapText="1"/>
    </xf>
    <xf numFmtId="0" fontId="4" fillId="0" borderId="30" xfId="0" applyFont="1" applyBorder="1" applyAlignment="1">
      <alignment horizontal="left" vertical="top" wrapText="1"/>
    </xf>
    <xf numFmtId="0" fontId="4" fillId="0" borderId="40" xfId="0" applyFont="1" applyFill="1" applyBorder="1" applyAlignment="1">
      <alignment horizontal="left" vertical="center" wrapText="1"/>
    </xf>
    <xf numFmtId="0" fontId="4" fillId="0" borderId="24" xfId="0" applyFont="1" applyFill="1" applyBorder="1" applyAlignment="1">
      <alignment horizontal="left" vertical="center" wrapText="1"/>
    </xf>
    <xf numFmtId="0" fontId="4" fillId="0" borderId="41" xfId="0" applyFont="1" applyFill="1" applyBorder="1" applyAlignment="1">
      <alignment horizontal="left" vertical="center" wrapText="1"/>
    </xf>
    <xf numFmtId="0" fontId="4" fillId="0" borderId="26" xfId="0" applyFont="1" applyFill="1" applyBorder="1" applyAlignment="1">
      <alignment horizontal="left" vertical="center" wrapText="1"/>
    </xf>
    <xf numFmtId="0" fontId="4" fillId="0" borderId="0" xfId="0" applyFont="1" applyFill="1" applyBorder="1" applyAlignment="1">
      <alignment horizontal="left" vertical="center" wrapText="1"/>
    </xf>
    <xf numFmtId="0" fontId="4" fillId="0" borderId="30" xfId="0" applyFont="1" applyFill="1" applyBorder="1" applyAlignment="1">
      <alignment horizontal="left" vertical="center" wrapText="1"/>
    </xf>
    <xf numFmtId="0" fontId="0" fillId="0" borderId="26" xfId="0" applyBorder="1" applyAlignment="1">
      <alignment horizontal="center" vertical="center"/>
    </xf>
    <xf numFmtId="0" fontId="0" fillId="0" borderId="0" xfId="0" applyAlignment="1">
      <alignment horizontal="center" vertical="center"/>
    </xf>
    <xf numFmtId="0" fontId="0" fillId="0" borderId="6" xfId="0" applyBorder="1" applyAlignment="1">
      <alignment horizontal="center" vertical="center"/>
    </xf>
    <xf numFmtId="0" fontId="0" fillId="0" borderId="31" xfId="0" applyBorder="1" applyAlignment="1">
      <alignment horizontal="center" vertical="center"/>
    </xf>
    <xf numFmtId="0" fontId="0" fillId="0" borderId="1" xfId="0" applyBorder="1" applyAlignment="1">
      <alignment horizontal="center" vertical="center"/>
    </xf>
    <xf numFmtId="0" fontId="0" fillId="0" borderId="22" xfId="0" applyBorder="1" applyAlignment="1">
      <alignment horizontal="center" vertical="center"/>
    </xf>
    <xf numFmtId="0" fontId="21" fillId="0" borderId="2" xfId="0" applyFont="1" applyBorder="1" applyAlignment="1">
      <alignment horizontal="center" vertical="center"/>
    </xf>
    <xf numFmtId="0" fontId="21" fillId="0" borderId="3" xfId="0" applyFont="1" applyBorder="1" applyAlignment="1">
      <alignment horizontal="center" vertical="center"/>
    </xf>
    <xf numFmtId="0" fontId="21" fillId="0" borderId="4" xfId="0" applyFont="1" applyBorder="1" applyAlignment="1">
      <alignment horizontal="center" vertical="center"/>
    </xf>
    <xf numFmtId="0" fontId="21" fillId="0" borderId="5" xfId="0" applyFont="1" applyBorder="1" applyAlignment="1">
      <alignment horizontal="center" vertical="center"/>
    </xf>
    <xf numFmtId="0" fontId="21" fillId="0" borderId="0" xfId="0" applyFont="1" applyBorder="1" applyAlignment="1">
      <alignment horizontal="center" vertical="center"/>
    </xf>
    <xf numFmtId="0" fontId="21" fillId="0" borderId="6" xfId="0" applyFont="1" applyBorder="1" applyAlignment="1">
      <alignment horizontal="center" vertical="center"/>
    </xf>
    <xf numFmtId="0" fontId="0" fillId="0" borderId="5" xfId="0" applyBorder="1" applyAlignment="1">
      <alignment horizontal="center" vertical="center"/>
    </xf>
    <xf numFmtId="0" fontId="0" fillId="0" borderId="21" xfId="0" applyBorder="1" applyAlignment="1">
      <alignment horizontal="center" vertical="center"/>
    </xf>
    <xf numFmtId="0" fontId="4" fillId="0" borderId="21" xfId="0" applyFont="1" applyBorder="1" applyAlignment="1">
      <alignment horizontal="center" vertical="center"/>
    </xf>
    <xf numFmtId="0" fontId="4" fillId="0" borderId="1" xfId="0" applyFont="1" applyBorder="1" applyAlignment="1">
      <alignment horizontal="center" vertical="center"/>
    </xf>
    <xf numFmtId="0" fontId="4" fillId="0" borderId="22" xfId="0" applyFont="1" applyBorder="1" applyAlignment="1">
      <alignment horizontal="center" vertical="center"/>
    </xf>
    <xf numFmtId="0" fontId="4" fillId="0" borderId="2" xfId="0" applyFont="1" applyBorder="1" applyAlignment="1">
      <alignment horizontal="left" vertical="center"/>
    </xf>
    <xf numFmtId="0" fontId="4" fillId="0" borderId="3" xfId="0" applyFont="1" applyBorder="1" applyAlignment="1">
      <alignment horizontal="left" vertical="center"/>
    </xf>
    <xf numFmtId="0" fontId="4" fillId="0" borderId="33" xfId="0" applyFont="1" applyBorder="1" applyAlignment="1">
      <alignment horizontal="left" vertical="center"/>
    </xf>
    <xf numFmtId="0" fontId="4" fillId="0" borderId="21" xfId="0" applyFont="1" applyBorder="1" applyAlignment="1">
      <alignment horizontal="left" vertical="center"/>
    </xf>
    <xf numFmtId="0" fontId="4" fillId="0" borderId="1" xfId="0" applyFont="1" applyBorder="1" applyAlignment="1">
      <alignment horizontal="left" vertical="center"/>
    </xf>
    <xf numFmtId="0" fontId="4" fillId="0" borderId="32" xfId="0" applyFont="1" applyBorder="1" applyAlignment="1">
      <alignment horizontal="left" vertical="center"/>
    </xf>
    <xf numFmtId="0" fontId="4" fillId="0" borderId="3" xfId="0" applyFont="1" applyFill="1" applyBorder="1" applyAlignment="1">
      <alignment horizontal="center" vertical="center"/>
    </xf>
    <xf numFmtId="0" fontId="0" fillId="0" borderId="4" xfId="0" applyFont="1" applyBorder="1" applyAlignment="1">
      <alignment horizontal="center" vertical="center"/>
    </xf>
    <xf numFmtId="0" fontId="0" fillId="0" borderId="39" xfId="0" applyFont="1" applyBorder="1" applyAlignment="1">
      <alignment horizontal="center" vertical="center"/>
    </xf>
    <xf numFmtId="0" fontId="3" fillId="0" borderId="50" xfId="0" applyFont="1" applyBorder="1" applyAlignment="1">
      <alignment horizontal="center" vertical="center"/>
    </xf>
    <xf numFmtId="0" fontId="3" fillId="0" borderId="51" xfId="0" applyFont="1" applyBorder="1" applyAlignment="1">
      <alignment horizontal="center" vertical="center"/>
    </xf>
    <xf numFmtId="0" fontId="4" fillId="0" borderId="42" xfId="0" applyFont="1" applyBorder="1" applyAlignment="1">
      <alignment horizontal="center"/>
    </xf>
    <xf numFmtId="0" fontId="4" fillId="0" borderId="3" xfId="0" applyFont="1" applyBorder="1" applyAlignment="1">
      <alignment horizontal="center"/>
    </xf>
    <xf numFmtId="0" fontId="4" fillId="0" borderId="33" xfId="0" applyFont="1" applyBorder="1" applyAlignment="1">
      <alignment horizontal="center"/>
    </xf>
    <xf numFmtId="0" fontId="4" fillId="0" borderId="26" xfId="0" applyFont="1" applyBorder="1" applyAlignment="1">
      <alignment horizontal="center"/>
    </xf>
    <xf numFmtId="0" fontId="4" fillId="0" borderId="0" xfId="0" applyFont="1" applyBorder="1" applyAlignment="1">
      <alignment horizontal="center"/>
    </xf>
    <xf numFmtId="0" fontId="4" fillId="0" borderId="30" xfId="0" applyFont="1" applyBorder="1" applyAlignment="1">
      <alignment horizontal="center"/>
    </xf>
    <xf numFmtId="0" fontId="4" fillId="0" borderId="31" xfId="0" applyFont="1" applyBorder="1" applyAlignment="1">
      <alignment horizontal="center"/>
    </xf>
    <xf numFmtId="0" fontId="4" fillId="0" borderId="1" xfId="0" applyFont="1" applyBorder="1" applyAlignment="1">
      <alignment horizontal="center"/>
    </xf>
    <xf numFmtId="0" fontId="4" fillId="0" borderId="32" xfId="0" applyFont="1" applyBorder="1" applyAlignment="1">
      <alignment horizontal="center"/>
    </xf>
    <xf numFmtId="0" fontId="14" fillId="0" borderId="0" xfId="0" applyFont="1" applyAlignment="1">
      <alignment horizontal="left" vertical="top" wrapText="1"/>
    </xf>
    <xf numFmtId="0" fontId="4" fillId="0" borderId="0" xfId="0" applyFont="1" applyFill="1" applyBorder="1" applyAlignment="1">
      <alignment horizontal="left" vertical="top" wrapText="1"/>
    </xf>
    <xf numFmtId="0" fontId="4" fillId="0" borderId="6" xfId="0" applyFont="1" applyFill="1" applyBorder="1" applyAlignment="1">
      <alignment horizontal="left" vertical="top" wrapText="1"/>
    </xf>
    <xf numFmtId="0" fontId="11" fillId="0" borderId="0" xfId="0" applyFont="1" applyBorder="1" applyAlignment="1">
      <alignment horizontal="center" vertical="center" wrapText="1"/>
    </xf>
    <xf numFmtId="0" fontId="4" fillId="0" borderId="75" xfId="0" applyFont="1" applyBorder="1" applyAlignment="1">
      <alignment horizontal="center" vertical="center"/>
    </xf>
    <xf numFmtId="0" fontId="4" fillId="0" borderId="76" xfId="0" applyFont="1" applyBorder="1" applyAlignment="1">
      <alignment horizontal="center" vertical="center"/>
    </xf>
    <xf numFmtId="0" fontId="4" fillId="0" borderId="77" xfId="0" applyFont="1" applyBorder="1" applyAlignment="1">
      <alignment horizontal="center" vertical="center"/>
    </xf>
    <xf numFmtId="0" fontId="4" fillId="0" borderId="78" xfId="0" applyFont="1" applyBorder="1" applyAlignment="1">
      <alignment horizontal="center" vertical="center"/>
    </xf>
    <xf numFmtId="0" fontId="4" fillId="0" borderId="79" xfId="0" applyFont="1" applyBorder="1" applyAlignment="1">
      <alignment horizontal="center" vertical="center"/>
    </xf>
    <xf numFmtId="0" fontId="4" fillId="0" borderId="80" xfId="0" applyFont="1" applyBorder="1" applyAlignment="1">
      <alignment horizontal="center" vertical="center"/>
    </xf>
    <xf numFmtId="0" fontId="2" fillId="0" borderId="0" xfId="0" applyFont="1" applyAlignment="1">
      <alignment vertical="center"/>
    </xf>
    <xf numFmtId="0" fontId="12" fillId="5" borderId="23" xfId="0" applyFont="1" applyFill="1" applyBorder="1" applyAlignment="1">
      <alignment horizontal="center" vertical="center"/>
    </xf>
    <xf numFmtId="0" fontId="12" fillId="5" borderId="24" xfId="0" applyFont="1" applyFill="1" applyBorder="1" applyAlignment="1">
      <alignment horizontal="center" vertical="center"/>
    </xf>
    <xf numFmtId="0" fontId="12" fillId="5" borderId="52" xfId="0" applyFont="1" applyFill="1" applyBorder="1" applyAlignment="1">
      <alignment horizontal="center" vertical="center"/>
    </xf>
    <xf numFmtId="0" fontId="12" fillId="5" borderId="25" xfId="0" applyFont="1" applyFill="1" applyBorder="1" applyAlignment="1">
      <alignment horizontal="center" vertical="center"/>
    </xf>
    <xf numFmtId="0" fontId="12" fillId="5" borderId="34" xfId="0" applyFont="1" applyFill="1" applyBorder="1" applyAlignment="1">
      <alignment horizontal="center" vertical="center"/>
    </xf>
    <xf numFmtId="0" fontId="12" fillId="5" borderId="39" xfId="0" applyFont="1" applyFill="1" applyBorder="1" applyAlignment="1">
      <alignment horizontal="center" vertical="center"/>
    </xf>
    <xf numFmtId="0" fontId="12" fillId="5" borderId="40" xfId="0" applyFont="1" applyFill="1" applyBorder="1" applyAlignment="1">
      <alignment horizontal="center" vertical="center"/>
    </xf>
    <xf numFmtId="0" fontId="12" fillId="5" borderId="41" xfId="0" applyFont="1" applyFill="1" applyBorder="1" applyAlignment="1">
      <alignment horizontal="center" vertical="center"/>
    </xf>
    <xf numFmtId="0" fontId="12" fillId="5" borderId="49" xfId="0" applyFont="1" applyFill="1" applyBorder="1" applyAlignment="1">
      <alignment horizontal="center" vertical="center"/>
    </xf>
    <xf numFmtId="0" fontId="12" fillId="5" borderId="35" xfId="0" applyFont="1" applyFill="1" applyBorder="1" applyAlignment="1">
      <alignment horizontal="center" vertical="center"/>
    </xf>
    <xf numFmtId="0" fontId="6" fillId="0" borderId="0" xfId="0" applyFont="1" applyFill="1" applyBorder="1" applyAlignment="1">
      <alignment vertical="top"/>
    </xf>
    <xf numFmtId="0" fontId="14" fillId="0" borderId="0" xfId="0" applyFont="1" applyBorder="1" applyAlignment="1">
      <alignment horizontal="left" vertical="center" wrapText="1"/>
    </xf>
    <xf numFmtId="0" fontId="4" fillId="0" borderId="73" xfId="0" quotePrefix="1" applyFont="1" applyFill="1" applyBorder="1" applyAlignment="1">
      <alignment horizontal="center" vertical="center"/>
    </xf>
    <xf numFmtId="0" fontId="4" fillId="0" borderId="8" xfId="0" quotePrefix="1" applyFont="1" applyFill="1" applyBorder="1" applyAlignment="1">
      <alignment horizontal="center" vertical="center"/>
    </xf>
    <xf numFmtId="0" fontId="4" fillId="0" borderId="74" xfId="0" quotePrefix="1" applyFont="1" applyFill="1" applyBorder="1" applyAlignment="1">
      <alignment horizontal="center" vertical="center"/>
    </xf>
    <xf numFmtId="0" fontId="4" fillId="0" borderId="68" xfId="0" quotePrefix="1" applyFont="1" applyFill="1" applyBorder="1" applyAlignment="1">
      <alignment horizontal="center" vertical="center"/>
    </xf>
    <xf numFmtId="0" fontId="4" fillId="0" borderId="11" xfId="0" quotePrefix="1" applyFont="1" applyFill="1" applyBorder="1" applyAlignment="1">
      <alignment horizontal="center" vertical="center"/>
    </xf>
    <xf numFmtId="0" fontId="4" fillId="0" borderId="69" xfId="0" quotePrefix="1" applyFont="1" applyFill="1" applyBorder="1" applyAlignment="1">
      <alignment horizontal="center" vertical="center"/>
    </xf>
    <xf numFmtId="0" fontId="0" fillId="0" borderId="0" xfId="0" applyBorder="1" applyAlignment="1">
      <alignment vertical="top"/>
    </xf>
    <xf numFmtId="0" fontId="4" fillId="0" borderId="67" xfId="0" quotePrefix="1" applyFont="1" applyFill="1" applyBorder="1" applyAlignment="1">
      <alignment horizontal="center" vertical="center"/>
    </xf>
    <xf numFmtId="0" fontId="4" fillId="0" borderId="16" xfId="0" quotePrefix="1" applyFont="1" applyFill="1" applyBorder="1" applyAlignment="1">
      <alignment horizontal="center" vertical="center"/>
    </xf>
    <xf numFmtId="0" fontId="4" fillId="0" borderId="70" xfId="0" quotePrefix="1" applyFont="1" applyFill="1" applyBorder="1" applyAlignment="1">
      <alignment horizontal="center" vertical="center"/>
    </xf>
    <xf numFmtId="0" fontId="4" fillId="0" borderId="18" xfId="0" quotePrefix="1" applyFont="1" applyFill="1" applyBorder="1" applyAlignment="1">
      <alignment horizontal="center" vertical="center"/>
    </xf>
    <xf numFmtId="0" fontId="4" fillId="0" borderId="71" xfId="0" quotePrefix="1" applyFont="1" applyFill="1" applyBorder="1" applyAlignment="1">
      <alignment horizontal="center" vertical="center"/>
    </xf>
    <xf numFmtId="0" fontId="4" fillId="0" borderId="70" xfId="0" quotePrefix="1" applyFont="1" applyFill="1" applyBorder="1" applyAlignment="1">
      <alignment horizontal="left" vertical="center"/>
    </xf>
    <xf numFmtId="0" fontId="4" fillId="0" borderId="18" xfId="0" quotePrefix="1" applyFont="1" applyFill="1" applyBorder="1" applyAlignment="1">
      <alignment horizontal="left" vertical="center"/>
    </xf>
    <xf numFmtId="0" fontId="4" fillId="0" borderId="72" xfId="0" quotePrefix="1" applyFont="1" applyFill="1" applyBorder="1" applyAlignment="1">
      <alignment horizontal="left" vertical="center"/>
    </xf>
    <xf numFmtId="0" fontId="12" fillId="5" borderId="0" xfId="0" applyFont="1" applyFill="1" applyBorder="1" applyAlignment="1">
      <alignment horizontal="center" vertical="center"/>
    </xf>
    <xf numFmtId="0" fontId="18" fillId="0" borderId="0" xfId="0" applyFont="1" applyBorder="1" applyAlignment="1">
      <alignment horizontal="center" vertical="top"/>
    </xf>
    <xf numFmtId="0" fontId="6" fillId="0" borderId="0" xfId="0" applyFont="1" applyFill="1" applyBorder="1" applyAlignment="1">
      <alignment horizontal="center" vertical="top"/>
    </xf>
    <xf numFmtId="0" fontId="4" fillId="0" borderId="0" xfId="0" applyFont="1" applyBorder="1" applyAlignment="1">
      <alignment vertical="top" wrapText="1"/>
    </xf>
    <xf numFmtId="0" fontId="0" fillId="0" borderId="0" xfId="0" applyAlignment="1">
      <alignment vertical="top" wrapText="1"/>
    </xf>
    <xf numFmtId="0" fontId="0" fillId="0" borderId="6" xfId="0" applyBorder="1" applyAlignment="1">
      <alignment vertical="top" wrapText="1"/>
    </xf>
    <xf numFmtId="0" fontId="8" fillId="4" borderId="63" xfId="0" applyFont="1" applyFill="1" applyBorder="1" applyAlignment="1">
      <alignment horizontal="center" vertical="center" textRotation="255"/>
    </xf>
    <xf numFmtId="0" fontId="8" fillId="4" borderId="64" xfId="0" applyFont="1" applyFill="1" applyBorder="1" applyAlignment="1">
      <alignment horizontal="center" vertical="center" textRotation="255"/>
    </xf>
    <xf numFmtId="0" fontId="8" fillId="4" borderId="65" xfId="0" applyFont="1" applyFill="1" applyBorder="1" applyAlignment="1">
      <alignment horizontal="center" vertical="center" textRotation="255"/>
    </xf>
    <xf numFmtId="0" fontId="4" fillId="4" borderId="23" xfId="0" applyFont="1" applyFill="1" applyBorder="1" applyAlignment="1">
      <alignment horizontal="center" vertical="center"/>
    </xf>
    <xf numFmtId="0" fontId="0" fillId="0" borderId="24" xfId="0" applyBorder="1" applyAlignment="1">
      <alignment horizontal="center" vertical="center"/>
    </xf>
    <xf numFmtId="0" fontId="0" fillId="0" borderId="52" xfId="0" applyBorder="1" applyAlignment="1">
      <alignment horizontal="center" vertical="center"/>
    </xf>
    <xf numFmtId="0" fontId="0" fillId="0" borderId="0" xfId="0" applyBorder="1" applyAlignment="1">
      <alignment horizontal="center" vertical="center"/>
    </xf>
    <xf numFmtId="0" fontId="0" fillId="0" borderId="25" xfId="0" applyBorder="1" applyAlignment="1">
      <alignment horizontal="center" vertical="center"/>
    </xf>
    <xf numFmtId="0" fontId="0" fillId="0" borderId="34" xfId="0" applyBorder="1" applyAlignment="1">
      <alignment horizontal="center" vertical="center"/>
    </xf>
    <xf numFmtId="0" fontId="0" fillId="0" borderId="39" xfId="0" applyBorder="1" applyAlignment="1">
      <alignment horizontal="center" vertical="center"/>
    </xf>
    <xf numFmtId="0" fontId="4" fillId="4" borderId="23" xfId="0" applyFont="1" applyFill="1" applyBorder="1" applyAlignment="1">
      <alignment horizontal="center" vertical="center" shrinkToFit="1"/>
    </xf>
    <xf numFmtId="0" fontId="4" fillId="4" borderId="24" xfId="0" applyFont="1" applyFill="1" applyBorder="1" applyAlignment="1">
      <alignment horizontal="center" vertical="center" shrinkToFit="1"/>
    </xf>
    <xf numFmtId="0" fontId="4" fillId="4" borderId="52" xfId="0" applyFont="1" applyFill="1" applyBorder="1" applyAlignment="1">
      <alignment horizontal="center" vertical="center" shrinkToFit="1"/>
    </xf>
    <xf numFmtId="0" fontId="4" fillId="4" borderId="5" xfId="0" applyFont="1" applyFill="1" applyBorder="1" applyAlignment="1">
      <alignment horizontal="center" vertical="center" shrinkToFit="1"/>
    </xf>
    <xf numFmtId="0" fontId="4" fillId="4" borderId="0" xfId="0" applyFont="1" applyFill="1" applyBorder="1" applyAlignment="1">
      <alignment horizontal="center" vertical="center" shrinkToFit="1"/>
    </xf>
    <xf numFmtId="0" fontId="4" fillId="4" borderId="6" xfId="0" applyFont="1" applyFill="1" applyBorder="1" applyAlignment="1">
      <alignment horizontal="center" vertical="center" shrinkToFit="1"/>
    </xf>
    <xf numFmtId="0" fontId="4" fillId="4" borderId="25" xfId="0" applyFont="1" applyFill="1" applyBorder="1" applyAlignment="1">
      <alignment horizontal="center" vertical="center" shrinkToFit="1"/>
    </xf>
    <xf numFmtId="0" fontId="4" fillId="4" borderId="34" xfId="0" applyFont="1" applyFill="1" applyBorder="1" applyAlignment="1">
      <alignment horizontal="center" vertical="center" shrinkToFit="1"/>
    </xf>
    <xf numFmtId="0" fontId="4" fillId="4" borderId="39" xfId="0" applyFont="1" applyFill="1" applyBorder="1" applyAlignment="1">
      <alignment horizontal="center" vertical="center" shrinkToFit="1"/>
    </xf>
    <xf numFmtId="0" fontId="4" fillId="4" borderId="24" xfId="0" applyFont="1" applyFill="1" applyBorder="1" applyAlignment="1">
      <alignment horizontal="center" vertical="center"/>
    </xf>
    <xf numFmtId="0" fontId="4" fillId="4" borderId="5" xfId="0" applyFont="1" applyFill="1" applyBorder="1" applyAlignment="1">
      <alignment horizontal="center" vertical="center"/>
    </xf>
    <xf numFmtId="0" fontId="4" fillId="4" borderId="0" xfId="0" applyFont="1" applyFill="1" applyBorder="1" applyAlignment="1">
      <alignment horizontal="center" vertical="center"/>
    </xf>
    <xf numFmtId="0" fontId="4" fillId="4" borderId="25" xfId="0" applyFont="1" applyFill="1" applyBorder="1" applyAlignment="1">
      <alignment horizontal="center" vertical="center"/>
    </xf>
    <xf numFmtId="0" fontId="4" fillId="4" borderId="34" xfId="0" applyFont="1" applyFill="1" applyBorder="1" applyAlignment="1">
      <alignment horizontal="center" vertical="center"/>
    </xf>
    <xf numFmtId="0" fontId="4" fillId="4" borderId="66" xfId="0" applyFont="1" applyFill="1" applyBorder="1" applyAlignment="1">
      <alignment horizontal="center" vertical="center"/>
    </xf>
    <xf numFmtId="0" fontId="4" fillId="4" borderId="61" xfId="0" applyFont="1" applyFill="1" applyBorder="1" applyAlignment="1">
      <alignment horizontal="center" vertical="center"/>
    </xf>
    <xf numFmtId="0" fontId="4" fillId="4" borderId="62" xfId="0" applyFont="1" applyFill="1" applyBorder="1" applyAlignment="1">
      <alignment horizontal="center" vertical="center"/>
    </xf>
    <xf numFmtId="0" fontId="0" fillId="0" borderId="2" xfId="0" applyFont="1" applyBorder="1" applyAlignment="1">
      <alignment horizontal="center" vertical="center"/>
    </xf>
    <xf numFmtId="0" fontId="4" fillId="0" borderId="53" xfId="0" applyFont="1" applyBorder="1" applyAlignment="1">
      <alignment horizontal="center" vertical="center"/>
    </xf>
    <xf numFmtId="0" fontId="4" fillId="0" borderId="33" xfId="0" applyFont="1" applyBorder="1" applyAlignment="1">
      <alignment horizontal="center" vertical="center"/>
    </xf>
    <xf numFmtId="0" fontId="16" fillId="0" borderId="0" xfId="0" applyFont="1" applyBorder="1" applyAlignment="1">
      <alignment horizontal="center" vertical="center"/>
    </xf>
    <xf numFmtId="49" fontId="0" fillId="0" borderId="2" xfId="43" applyNumberFormat="1" applyFont="1" applyBorder="1" applyAlignment="1">
      <alignment horizontal="center" vertical="center"/>
    </xf>
    <xf numFmtId="49" fontId="0" fillId="0" borderId="3" xfId="43" applyNumberFormat="1" applyFont="1" applyBorder="1" applyAlignment="1">
      <alignment horizontal="center" vertical="center"/>
    </xf>
    <xf numFmtId="49" fontId="0" fillId="0" borderId="4" xfId="43" applyNumberFormat="1" applyFont="1" applyBorder="1" applyAlignment="1">
      <alignment horizontal="center" vertical="center"/>
    </xf>
    <xf numFmtId="49" fontId="0" fillId="0" borderId="25" xfId="43" applyNumberFormat="1" applyFont="1" applyBorder="1" applyAlignment="1">
      <alignment horizontal="center" vertical="center"/>
    </xf>
    <xf numFmtId="49" fontId="0" fillId="0" borderId="34" xfId="43" applyNumberFormat="1" applyFont="1" applyBorder="1" applyAlignment="1">
      <alignment horizontal="center" vertical="center"/>
    </xf>
    <xf numFmtId="49" fontId="0" fillId="0" borderId="39" xfId="43" applyNumberFormat="1" applyFont="1" applyBorder="1" applyAlignment="1">
      <alignment horizontal="center" vertical="center"/>
    </xf>
    <xf numFmtId="0" fontId="0" fillId="0" borderId="55" xfId="0" applyFont="1" applyBorder="1" applyAlignment="1">
      <alignment horizontal="center" vertical="center"/>
    </xf>
    <xf numFmtId="0" fontId="0" fillId="0" borderId="56" xfId="0" applyFont="1" applyBorder="1" applyAlignment="1">
      <alignment horizontal="center" vertical="center"/>
    </xf>
    <xf numFmtId="0" fontId="4" fillId="0" borderId="54" xfId="0" applyFont="1" applyBorder="1" applyAlignment="1">
      <alignment horizontal="center" vertical="center"/>
    </xf>
    <xf numFmtId="0" fontId="4" fillId="0" borderId="35" xfId="0" applyFont="1" applyBorder="1" applyAlignment="1">
      <alignment horizontal="center" vertical="center"/>
    </xf>
    <xf numFmtId="0" fontId="4" fillId="4" borderId="24" xfId="0" applyFont="1" applyFill="1" applyBorder="1" applyAlignment="1">
      <alignment horizontal="center" vertical="center" wrapText="1"/>
    </xf>
    <xf numFmtId="0" fontId="4" fillId="4" borderId="52" xfId="0" applyFont="1" applyFill="1" applyBorder="1" applyAlignment="1">
      <alignment horizontal="center" vertical="center" wrapText="1"/>
    </xf>
    <xf numFmtId="0" fontId="4" fillId="4" borderId="0" xfId="0" applyFont="1" applyFill="1" applyBorder="1" applyAlignment="1">
      <alignment horizontal="center" vertical="center" wrapText="1"/>
    </xf>
    <xf numFmtId="0" fontId="4" fillId="4" borderId="6" xfId="0" applyFont="1" applyFill="1" applyBorder="1" applyAlignment="1">
      <alignment horizontal="center" vertical="center" wrapText="1"/>
    </xf>
    <xf numFmtId="0" fontId="4" fillId="4" borderId="34" xfId="0" applyFont="1" applyFill="1" applyBorder="1" applyAlignment="1">
      <alignment horizontal="center" vertical="center" wrapText="1"/>
    </xf>
    <xf numFmtId="0" fontId="4" fillId="4" borderId="39" xfId="0" applyFont="1" applyFill="1" applyBorder="1" applyAlignment="1">
      <alignment horizontal="center" vertical="center" wrapText="1"/>
    </xf>
    <xf numFmtId="0" fontId="4" fillId="4" borderId="59" xfId="0" applyFont="1" applyFill="1" applyBorder="1" applyAlignment="1">
      <alignment horizontal="center" vertical="center"/>
    </xf>
    <xf numFmtId="0" fontId="4" fillId="4" borderId="6" xfId="0" applyFont="1" applyFill="1" applyBorder="1" applyAlignment="1">
      <alignment horizontal="center" vertical="center"/>
    </xf>
    <xf numFmtId="0" fontId="4" fillId="4" borderId="54" xfId="0" applyFont="1" applyFill="1" applyBorder="1" applyAlignment="1">
      <alignment horizontal="center" vertical="center"/>
    </xf>
    <xf numFmtId="0" fontId="4" fillId="4" borderId="39" xfId="0" applyFont="1" applyFill="1" applyBorder="1" applyAlignment="1">
      <alignment horizontal="center" vertical="center"/>
    </xf>
    <xf numFmtId="0" fontId="4" fillId="4" borderId="30" xfId="0" applyFont="1" applyFill="1" applyBorder="1" applyAlignment="1">
      <alignment horizontal="center" vertical="center"/>
    </xf>
    <xf numFmtId="0" fontId="4" fillId="4" borderId="35" xfId="0" applyFont="1" applyFill="1" applyBorder="1" applyAlignment="1">
      <alignment horizontal="center" vertical="center"/>
    </xf>
    <xf numFmtId="0" fontId="4" fillId="4" borderId="42" xfId="0" applyFont="1" applyFill="1" applyBorder="1" applyAlignment="1">
      <alignment horizontal="center" vertical="center" wrapText="1"/>
    </xf>
    <xf numFmtId="0" fontId="4" fillId="4" borderId="3" xfId="0" applyFont="1" applyFill="1" applyBorder="1" applyAlignment="1">
      <alignment horizontal="center" vertical="center"/>
    </xf>
    <xf numFmtId="0" fontId="4" fillId="4" borderId="49" xfId="0" applyFont="1" applyFill="1" applyBorder="1" applyAlignment="1">
      <alignment horizontal="center" vertical="center"/>
    </xf>
    <xf numFmtId="0" fontId="4" fillId="4" borderId="53" xfId="0" applyFont="1" applyFill="1" applyBorder="1" applyAlignment="1">
      <alignment horizontal="center" vertical="center" wrapText="1"/>
    </xf>
    <xf numFmtId="0" fontId="4" fillId="4" borderId="55" xfId="0" applyFont="1" applyFill="1" applyBorder="1" applyAlignment="1">
      <alignment horizontal="center" vertical="center"/>
    </xf>
    <xf numFmtId="0" fontId="4" fillId="4" borderId="56" xfId="0" applyFont="1" applyFill="1" applyBorder="1" applyAlignment="1">
      <alignment horizontal="center" vertical="center"/>
    </xf>
    <xf numFmtId="0" fontId="4" fillId="4" borderId="3" xfId="0" applyFont="1" applyFill="1" applyBorder="1" applyAlignment="1">
      <alignment horizontal="center" vertical="center" wrapText="1"/>
    </xf>
    <xf numFmtId="0" fontId="4" fillId="4" borderId="4" xfId="0" applyFont="1" applyFill="1" applyBorder="1" applyAlignment="1">
      <alignment horizontal="center" vertical="center"/>
    </xf>
    <xf numFmtId="0" fontId="4" fillId="4" borderId="40" xfId="0" applyFont="1" applyFill="1" applyBorder="1" applyAlignment="1">
      <alignment horizontal="center" vertical="center" wrapText="1"/>
    </xf>
    <xf numFmtId="0" fontId="4" fillId="4" borderId="26" xfId="0" applyFont="1" applyFill="1" applyBorder="1" applyAlignment="1">
      <alignment horizontal="center" vertical="center" wrapText="1"/>
    </xf>
    <xf numFmtId="0" fontId="4" fillId="4" borderId="49" xfId="0" applyFont="1" applyFill="1" applyBorder="1" applyAlignment="1">
      <alignment horizontal="center" vertical="center" wrapText="1"/>
    </xf>
    <xf numFmtId="0" fontId="4" fillId="4" borderId="23" xfId="0" applyFont="1" applyFill="1" applyBorder="1" applyAlignment="1">
      <alignment horizontal="center" vertical="center" wrapText="1"/>
    </xf>
    <xf numFmtId="0" fontId="4" fillId="4" borderId="5" xfId="0" applyFont="1" applyFill="1" applyBorder="1" applyAlignment="1">
      <alignment horizontal="center" vertical="center" wrapText="1"/>
    </xf>
    <xf numFmtId="0" fontId="4" fillId="4" borderId="25" xfId="0" applyFont="1" applyFill="1" applyBorder="1" applyAlignment="1">
      <alignment horizontal="center" vertical="center" wrapText="1"/>
    </xf>
    <xf numFmtId="0" fontId="4" fillId="4" borderId="52" xfId="0" applyFont="1" applyFill="1" applyBorder="1" applyAlignment="1">
      <alignment horizontal="center" vertical="center"/>
    </xf>
    <xf numFmtId="0" fontId="4" fillId="4" borderId="60" xfId="0" applyFont="1" applyFill="1" applyBorder="1" applyAlignment="1">
      <alignment horizontal="center" vertical="center"/>
    </xf>
    <xf numFmtId="0" fontId="0" fillId="0" borderId="42" xfId="0" applyFont="1" applyBorder="1" applyAlignment="1">
      <alignment horizontal="center" vertical="center"/>
    </xf>
    <xf numFmtId="0" fontId="0" fillId="0" borderId="49" xfId="0" applyFont="1" applyBorder="1" applyAlignment="1">
      <alignment horizontal="center" vertical="center"/>
    </xf>
    <xf numFmtId="0" fontId="0" fillId="0" borderId="53" xfId="0" applyFont="1" applyBorder="1" applyAlignment="1">
      <alignment horizontal="center"/>
    </xf>
    <xf numFmtId="0" fontId="0" fillId="0" borderId="55" xfId="0" applyFont="1" applyBorder="1" applyAlignment="1">
      <alignment horizontal="center"/>
    </xf>
    <xf numFmtId="0" fontId="0" fillId="0" borderId="54" xfId="0" applyFont="1" applyBorder="1" applyAlignment="1">
      <alignment horizontal="center"/>
    </xf>
    <xf numFmtId="0" fontId="0" fillId="0" borderId="56" xfId="0" applyFont="1" applyBorder="1" applyAlignment="1">
      <alignment horizontal="center"/>
    </xf>
    <xf numFmtId="0" fontId="0" fillId="0" borderId="4" xfId="0" applyFont="1" applyBorder="1" applyAlignment="1">
      <alignment horizontal="center"/>
    </xf>
    <xf numFmtId="0" fontId="0" fillId="0" borderId="39" xfId="0" applyFont="1" applyBorder="1" applyAlignment="1">
      <alignment horizontal="center"/>
    </xf>
    <xf numFmtId="49" fontId="0" fillId="0" borderId="50" xfId="0" applyNumberFormat="1" applyFont="1" applyBorder="1" applyAlignment="1">
      <alignment horizontal="center" vertical="center"/>
    </xf>
    <xf numFmtId="0" fontId="0" fillId="0" borderId="2" xfId="0" applyFont="1" applyBorder="1" applyAlignment="1">
      <alignment horizontal="center"/>
    </xf>
    <xf numFmtId="0" fontId="0" fillId="0" borderId="3" xfId="0" applyFont="1" applyBorder="1" applyAlignment="1">
      <alignment horizontal="center"/>
    </xf>
    <xf numFmtId="0" fontId="0" fillId="0" borderId="33" xfId="0" applyFont="1" applyBorder="1" applyAlignment="1">
      <alignment horizontal="center"/>
    </xf>
    <xf numFmtId="0" fontId="0" fillId="0" borderId="25" xfId="0" applyFont="1" applyBorder="1" applyAlignment="1">
      <alignment horizontal="center"/>
    </xf>
    <xf numFmtId="0" fontId="0" fillId="0" borderId="34" xfId="0" applyFont="1" applyBorder="1" applyAlignment="1">
      <alignment horizontal="center"/>
    </xf>
    <xf numFmtId="0" fontId="0" fillId="0" borderId="35" xfId="0" applyFont="1" applyBorder="1" applyAlignment="1">
      <alignment horizontal="center"/>
    </xf>
    <xf numFmtId="0" fontId="0" fillId="0" borderId="42" xfId="0" applyFont="1" applyBorder="1" applyAlignment="1">
      <alignment horizontal="center"/>
    </xf>
    <xf numFmtId="0" fontId="0" fillId="0" borderId="49" xfId="0" applyFont="1" applyBorder="1" applyAlignment="1">
      <alignment horizontal="center"/>
    </xf>
    <xf numFmtId="0" fontId="0" fillId="0" borderId="53" xfId="0" applyFont="1" applyBorder="1" applyAlignment="1">
      <alignment horizontal="center" vertical="center"/>
    </xf>
    <xf numFmtId="0" fontId="0" fillId="0" borderId="54" xfId="0" applyFont="1" applyBorder="1" applyAlignment="1">
      <alignment horizontal="center" vertical="center"/>
    </xf>
    <xf numFmtId="0" fontId="0" fillId="0" borderId="42" xfId="0" applyFont="1" applyBorder="1" applyAlignment="1">
      <alignment horizontal="center" vertical="center" wrapText="1"/>
    </xf>
    <xf numFmtId="0" fontId="0" fillId="0" borderId="21" xfId="0" applyFont="1" applyBorder="1" applyAlignment="1">
      <alignment horizontal="center"/>
    </xf>
    <xf numFmtId="0" fontId="0" fillId="0" borderId="1" xfId="0" applyFont="1" applyBorder="1" applyAlignment="1">
      <alignment horizontal="center"/>
    </xf>
    <xf numFmtId="0" fontId="0" fillId="0" borderId="22" xfId="0" applyFont="1" applyBorder="1" applyAlignment="1">
      <alignment horizontal="center"/>
    </xf>
    <xf numFmtId="0" fontId="0" fillId="0" borderId="57" xfId="0" applyFont="1" applyBorder="1" applyAlignment="1">
      <alignment horizontal="center"/>
    </xf>
    <xf numFmtId="0" fontId="16" fillId="0" borderId="1" xfId="0" applyFont="1" applyBorder="1" applyAlignment="1">
      <alignment horizontal="center" vertical="center"/>
    </xf>
    <xf numFmtId="0" fontId="18" fillId="0" borderId="2" xfId="0" applyFont="1" applyBorder="1" applyAlignment="1">
      <alignment horizontal="center" vertical="center" wrapText="1"/>
    </xf>
    <xf numFmtId="0" fontId="18" fillId="0" borderId="3" xfId="0" applyFont="1" applyBorder="1" applyAlignment="1">
      <alignment horizontal="center" vertical="center" wrapText="1"/>
    </xf>
    <xf numFmtId="0" fontId="18" fillId="0" borderId="4" xfId="0" applyFont="1" applyBorder="1" applyAlignment="1">
      <alignment horizontal="center" vertical="center" wrapText="1"/>
    </xf>
    <xf numFmtId="0" fontId="18" fillId="0" borderId="25" xfId="0" applyFont="1" applyBorder="1" applyAlignment="1">
      <alignment horizontal="center" vertical="center" wrapText="1"/>
    </xf>
    <xf numFmtId="0" fontId="18" fillId="0" borderId="34" xfId="0" applyFont="1" applyBorder="1" applyAlignment="1">
      <alignment horizontal="center" vertical="center" wrapText="1"/>
    </xf>
    <xf numFmtId="0" fontId="18" fillId="0" borderId="39" xfId="0" applyFont="1" applyBorder="1" applyAlignment="1">
      <alignment horizontal="center" vertical="center" wrapText="1"/>
    </xf>
    <xf numFmtId="0" fontId="24" fillId="0" borderId="2" xfId="0" applyFont="1" applyBorder="1" applyAlignment="1">
      <alignment horizontal="center" vertical="center" wrapText="1"/>
    </xf>
    <xf numFmtId="0" fontId="24" fillId="0" borderId="3" xfId="0" applyFont="1" applyBorder="1" applyAlignment="1">
      <alignment horizontal="center" vertical="center" wrapText="1"/>
    </xf>
    <xf numFmtId="0" fontId="24" fillId="0" borderId="4" xfId="0" applyFont="1" applyBorder="1" applyAlignment="1">
      <alignment horizontal="center" vertical="center" wrapText="1"/>
    </xf>
    <xf numFmtId="0" fontId="24" fillId="0" borderId="25" xfId="0" applyFont="1" applyBorder="1" applyAlignment="1">
      <alignment horizontal="center" vertical="center" wrapText="1"/>
    </xf>
    <xf numFmtId="0" fontId="24" fillId="0" borderId="34" xfId="0" applyFont="1" applyBorder="1" applyAlignment="1">
      <alignment horizontal="center" vertical="center" wrapText="1"/>
    </xf>
    <xf numFmtId="0" fontId="24" fillId="0" borderId="39" xfId="0" applyFont="1" applyBorder="1" applyAlignment="1">
      <alignment horizontal="center" vertical="center" wrapText="1"/>
    </xf>
    <xf numFmtId="0" fontId="0" fillId="0" borderId="32" xfId="0" applyFont="1" applyBorder="1" applyAlignment="1">
      <alignment horizontal="center"/>
    </xf>
    <xf numFmtId="0" fontId="4" fillId="0" borderId="58" xfId="0" applyFont="1" applyBorder="1" applyAlignment="1">
      <alignment horizontal="center" vertical="center"/>
    </xf>
    <xf numFmtId="0" fontId="4" fillId="0" borderId="32" xfId="0" applyFont="1" applyBorder="1" applyAlignment="1">
      <alignment horizontal="center" vertical="center"/>
    </xf>
    <xf numFmtId="0" fontId="0" fillId="0" borderId="31" xfId="0" applyFont="1" applyBorder="1" applyAlignment="1">
      <alignment horizontal="center"/>
    </xf>
    <xf numFmtId="0" fontId="0" fillId="0" borderId="58" xfId="0" applyFont="1" applyBorder="1" applyAlignment="1">
      <alignment horizontal="center"/>
    </xf>
    <xf numFmtId="0" fontId="4" fillId="0" borderId="0" xfId="0" applyFont="1" applyAlignment="1">
      <alignment horizontal="center"/>
    </xf>
    <xf numFmtId="0" fontId="25" fillId="4" borderId="23" xfId="0" applyFont="1" applyFill="1" applyBorder="1" applyAlignment="1">
      <alignment horizontal="center" vertical="center" wrapText="1"/>
    </xf>
    <xf numFmtId="0" fontId="25" fillId="4" borderId="24" xfId="0" applyFont="1" applyFill="1" applyBorder="1" applyAlignment="1">
      <alignment horizontal="center" vertical="center" wrapText="1"/>
    </xf>
    <xf numFmtId="0" fontId="25" fillId="4" borderId="52" xfId="0" applyFont="1" applyFill="1" applyBorder="1" applyAlignment="1">
      <alignment horizontal="center" vertical="center" wrapText="1"/>
    </xf>
    <xf numFmtId="0" fontId="25" fillId="4" borderId="5" xfId="0" applyFont="1" applyFill="1" applyBorder="1" applyAlignment="1">
      <alignment horizontal="center" vertical="center" wrapText="1"/>
    </xf>
    <xf numFmtId="0" fontId="25" fillId="4" borderId="0" xfId="0" applyFont="1" applyFill="1" applyBorder="1" applyAlignment="1">
      <alignment horizontal="center" vertical="center" wrapText="1"/>
    </xf>
    <xf numFmtId="0" fontId="25" fillId="4" borderId="6" xfId="0" applyFont="1" applyFill="1" applyBorder="1" applyAlignment="1">
      <alignment horizontal="center" vertical="center" wrapText="1"/>
    </xf>
    <xf numFmtId="0" fontId="25" fillId="4" borderId="25" xfId="0" applyFont="1" applyFill="1" applyBorder="1" applyAlignment="1">
      <alignment horizontal="center" vertical="center" wrapText="1"/>
    </xf>
    <xf numFmtId="0" fontId="25" fillId="4" borderId="34" xfId="0" applyFont="1" applyFill="1" applyBorder="1" applyAlignment="1">
      <alignment horizontal="center" vertical="center" wrapText="1"/>
    </xf>
    <xf numFmtId="0" fontId="25" fillId="4" borderId="39" xfId="0" applyFont="1" applyFill="1" applyBorder="1" applyAlignment="1">
      <alignment horizontal="center" vertical="center" wrapText="1"/>
    </xf>
    <xf numFmtId="0" fontId="32" fillId="4" borderId="24" xfId="0" applyFont="1" applyFill="1" applyBorder="1" applyAlignment="1">
      <alignment horizontal="center" vertical="center" wrapText="1"/>
    </xf>
    <xf numFmtId="0" fontId="32" fillId="4" borderId="41" xfId="0" applyFont="1" applyFill="1" applyBorder="1" applyAlignment="1">
      <alignment horizontal="center" vertical="center" wrapText="1"/>
    </xf>
    <xf numFmtId="0" fontId="32" fillId="4" borderId="0" xfId="0" applyFont="1" applyFill="1" applyBorder="1" applyAlignment="1">
      <alignment horizontal="center" vertical="center" wrapText="1"/>
    </xf>
    <xf numFmtId="0" fontId="32" fillId="4" borderId="30" xfId="0" applyFont="1" applyFill="1" applyBorder="1" applyAlignment="1">
      <alignment horizontal="center" vertical="center" wrapText="1"/>
    </xf>
    <xf numFmtId="0" fontId="32" fillId="4" borderId="34" xfId="0" applyFont="1" applyFill="1" applyBorder="1" applyAlignment="1">
      <alignment horizontal="center" vertical="center" wrapText="1"/>
    </xf>
    <xf numFmtId="0" fontId="32" fillId="4" borderId="35" xfId="0" applyFont="1" applyFill="1" applyBorder="1" applyAlignment="1">
      <alignment horizontal="center" vertical="center" wrapText="1"/>
    </xf>
    <xf numFmtId="0" fontId="53" fillId="0" borderId="53" xfId="0" applyFont="1" applyBorder="1" applyAlignment="1">
      <alignment horizontal="center"/>
    </xf>
    <xf numFmtId="0" fontId="53" fillId="0" borderId="4" xfId="0" applyFont="1" applyBorder="1" applyAlignment="1">
      <alignment horizontal="center"/>
    </xf>
    <xf numFmtId="0" fontId="53" fillId="0" borderId="54" xfId="0" applyFont="1" applyBorder="1" applyAlignment="1">
      <alignment horizontal="center"/>
    </xf>
    <xf numFmtId="0" fontId="53" fillId="0" borderId="39" xfId="0" applyFont="1" applyBorder="1" applyAlignment="1">
      <alignment horizontal="center"/>
    </xf>
    <xf numFmtId="0" fontId="53" fillId="0" borderId="58" xfId="0" applyFont="1" applyBorder="1" applyAlignment="1">
      <alignment horizontal="center"/>
    </xf>
    <xf numFmtId="0" fontId="53" fillId="0" borderId="22" xfId="0" applyFont="1" applyBorder="1" applyAlignment="1">
      <alignment horizontal="center"/>
    </xf>
    <xf numFmtId="0" fontId="18" fillId="0" borderId="53" xfId="0" applyFont="1" applyBorder="1" applyAlignment="1">
      <alignment horizontal="center"/>
    </xf>
    <xf numFmtId="0" fontId="18" fillId="0" borderId="4" xfId="0" applyFont="1" applyBorder="1" applyAlignment="1">
      <alignment horizontal="center"/>
    </xf>
    <xf numFmtId="0" fontId="18" fillId="0" borderId="54" xfId="0" applyFont="1" applyBorder="1" applyAlignment="1">
      <alignment horizontal="center"/>
    </xf>
    <xf numFmtId="0" fontId="18" fillId="0" borderId="39" xfId="0" applyFont="1" applyBorder="1" applyAlignment="1">
      <alignment horizontal="center"/>
    </xf>
    <xf numFmtId="0" fontId="6" fillId="0" borderId="0" xfId="0" applyFont="1" applyBorder="1" applyAlignment="1">
      <alignment horizontal="left" vertical="center"/>
    </xf>
    <xf numFmtId="0" fontId="18" fillId="0" borderId="2" xfId="0" applyFont="1" applyBorder="1" applyAlignment="1">
      <alignment horizontal="center" vertical="center"/>
    </xf>
    <xf numFmtId="0" fontId="18" fillId="0" borderId="2" xfId="0" applyFont="1" applyBorder="1" applyAlignment="1">
      <alignment horizontal="center"/>
    </xf>
    <xf numFmtId="0" fontId="18" fillId="0" borderId="3" xfId="0" applyFont="1" applyBorder="1" applyAlignment="1">
      <alignment horizontal="center"/>
    </xf>
    <xf numFmtId="0" fontId="18" fillId="0" borderId="33" xfId="0" applyFont="1" applyBorder="1" applyAlignment="1">
      <alignment horizontal="center"/>
    </xf>
    <xf numFmtId="0" fontId="18" fillId="0" borderId="25" xfId="0" applyFont="1" applyBorder="1" applyAlignment="1">
      <alignment horizontal="center"/>
    </xf>
    <xf numFmtId="0" fontId="18" fillId="0" borderId="34" xfId="0" applyFont="1" applyBorder="1" applyAlignment="1">
      <alignment horizontal="center"/>
    </xf>
    <xf numFmtId="0" fontId="18" fillId="0" borderId="35" xfId="0" applyFont="1" applyBorder="1" applyAlignment="1">
      <alignment horizontal="center"/>
    </xf>
    <xf numFmtId="0" fontId="18" fillId="0" borderId="55" xfId="0" applyFont="1" applyBorder="1" applyAlignment="1">
      <alignment horizontal="center"/>
    </xf>
    <xf numFmtId="0" fontId="18" fillId="0" borderId="56" xfId="0" applyFont="1" applyBorder="1" applyAlignment="1">
      <alignment horizontal="center"/>
    </xf>
    <xf numFmtId="0" fontId="18" fillId="0" borderId="42" xfId="0" applyFont="1" applyBorder="1" applyAlignment="1">
      <alignment horizontal="center"/>
    </xf>
    <xf numFmtId="0" fontId="18" fillId="0" borderId="49" xfId="0" applyFont="1" applyBorder="1" applyAlignment="1">
      <alignment horizontal="center"/>
    </xf>
    <xf numFmtId="0" fontId="19" fillId="0" borderId="5" xfId="0" applyFont="1" applyBorder="1" applyAlignment="1">
      <alignment horizontal="right" vertical="center"/>
    </xf>
    <xf numFmtId="0" fontId="19" fillId="0" borderId="0" xfId="0" applyFont="1" applyBorder="1" applyAlignment="1">
      <alignment horizontal="right" vertical="center"/>
    </xf>
    <xf numFmtId="0" fontId="0" fillId="0" borderId="0" xfId="0" applyAlignment="1">
      <alignment vertical="center"/>
    </xf>
    <xf numFmtId="0" fontId="53" fillId="0" borderId="42" xfId="0" applyFont="1" applyBorder="1" applyAlignment="1">
      <alignment horizontal="center"/>
    </xf>
    <xf numFmtId="0" fontId="53" fillId="0" borderId="55" xfId="0" applyFont="1" applyBorder="1" applyAlignment="1">
      <alignment horizontal="center"/>
    </xf>
    <xf numFmtId="0" fontId="53" fillId="0" borderId="49" xfId="0" applyFont="1" applyBorder="1" applyAlignment="1">
      <alignment horizontal="center"/>
    </xf>
    <xf numFmtId="0" fontId="53" fillId="0" borderId="56" xfId="0" applyFont="1" applyBorder="1" applyAlignment="1">
      <alignment horizontal="center"/>
    </xf>
    <xf numFmtId="0" fontId="53" fillId="0" borderId="2" xfId="0" applyFont="1" applyBorder="1" applyAlignment="1">
      <alignment horizontal="center"/>
    </xf>
    <xf numFmtId="0" fontId="53" fillId="0" borderId="3" xfId="0" applyFont="1" applyBorder="1" applyAlignment="1">
      <alignment horizontal="center"/>
    </xf>
    <xf numFmtId="0" fontId="53" fillId="0" borderId="25" xfId="0" applyFont="1" applyBorder="1" applyAlignment="1">
      <alignment horizontal="center"/>
    </xf>
    <xf numFmtId="0" fontId="53" fillId="0" borderId="34" xfId="0" applyFont="1" applyBorder="1" applyAlignment="1">
      <alignment horizontal="center"/>
    </xf>
    <xf numFmtId="0" fontId="18" fillId="0" borderId="58" xfId="0" applyFont="1" applyBorder="1" applyAlignment="1">
      <alignment horizontal="center"/>
    </xf>
    <xf numFmtId="0" fontId="18" fillId="0" borderId="22" xfId="0" applyFont="1" applyBorder="1" applyAlignment="1">
      <alignment horizontal="center"/>
    </xf>
    <xf numFmtId="49" fontId="0" fillId="0" borderId="50" xfId="43" applyNumberFormat="1" applyFont="1" applyBorder="1" applyAlignment="1">
      <alignment horizontal="center" vertical="center"/>
    </xf>
    <xf numFmtId="0" fontId="55" fillId="0" borderId="42" xfId="0" applyFont="1" applyBorder="1" applyAlignment="1">
      <alignment horizontal="center" vertical="center" wrapText="1"/>
    </xf>
    <xf numFmtId="0" fontId="55" fillId="0" borderId="55" xfId="0" applyFont="1" applyBorder="1" applyAlignment="1">
      <alignment horizontal="center" vertical="center"/>
    </xf>
    <xf numFmtId="0" fontId="55" fillId="0" borderId="49" xfId="0" applyFont="1" applyBorder="1" applyAlignment="1">
      <alignment horizontal="center" vertical="center"/>
    </xf>
    <xf numFmtId="0" fontId="55" fillId="0" borderId="56" xfId="0" applyFont="1" applyBorder="1" applyAlignment="1">
      <alignment horizontal="center" vertical="center"/>
    </xf>
    <xf numFmtId="0" fontId="55" fillId="0" borderId="2" xfId="0" applyFont="1" applyBorder="1" applyAlignment="1">
      <alignment horizontal="center" vertical="center"/>
    </xf>
    <xf numFmtId="0" fontId="55" fillId="0" borderId="3" xfId="0" applyFont="1" applyBorder="1" applyAlignment="1">
      <alignment horizontal="center" vertical="center"/>
    </xf>
    <xf numFmtId="0" fontId="55" fillId="0" borderId="25" xfId="0" applyFont="1" applyBorder="1" applyAlignment="1">
      <alignment horizontal="center" vertical="center"/>
    </xf>
    <xf numFmtId="0" fontId="55" fillId="0" borderId="34" xfId="0" applyFont="1" applyBorder="1" applyAlignment="1">
      <alignment horizontal="center" vertical="center"/>
    </xf>
    <xf numFmtId="0" fontId="55" fillId="0" borderId="42" xfId="0" applyFont="1" applyBorder="1" applyAlignment="1">
      <alignment horizontal="center" vertical="center"/>
    </xf>
    <xf numFmtId="0" fontId="55" fillId="0" borderId="53" xfId="0" applyFont="1" applyBorder="1" applyAlignment="1">
      <alignment horizontal="center" vertical="center"/>
    </xf>
    <xf numFmtId="0" fontId="55" fillId="0" borderId="54" xfId="0" applyFont="1" applyBorder="1" applyAlignment="1">
      <alignment horizontal="center" vertical="center"/>
    </xf>
    <xf numFmtId="0" fontId="18" fillId="0" borderId="21" xfId="0" applyFont="1" applyBorder="1" applyAlignment="1">
      <alignment horizontal="center"/>
    </xf>
    <xf numFmtId="0" fontId="18" fillId="0" borderId="1" xfId="0" applyFont="1" applyBorder="1" applyAlignment="1">
      <alignment horizontal="center"/>
    </xf>
    <xf numFmtId="0" fontId="18" fillId="0" borderId="32" xfId="0" applyFont="1" applyBorder="1" applyAlignment="1">
      <alignment horizontal="center"/>
    </xf>
    <xf numFmtId="0" fontId="18" fillId="0" borderId="31" xfId="0" applyFont="1" applyBorder="1" applyAlignment="1">
      <alignment horizontal="center"/>
    </xf>
    <xf numFmtId="0" fontId="18" fillId="0" borderId="57" xfId="0" applyFont="1" applyBorder="1" applyAlignment="1">
      <alignment horizontal="center"/>
    </xf>
    <xf numFmtId="0" fontId="53" fillId="0" borderId="31" xfId="0" applyFont="1" applyBorder="1" applyAlignment="1">
      <alignment horizontal="center"/>
    </xf>
    <xf numFmtId="0" fontId="53" fillId="0" borderId="57" xfId="0" applyFont="1" applyBorder="1" applyAlignment="1">
      <alignment horizontal="center"/>
    </xf>
    <xf numFmtId="0" fontId="53" fillId="0" borderId="21" xfId="0" applyFont="1" applyBorder="1" applyAlignment="1">
      <alignment horizontal="center"/>
    </xf>
    <xf numFmtId="0" fontId="53" fillId="0" borderId="1" xfId="0" applyFont="1" applyBorder="1" applyAlignment="1">
      <alignment horizontal="center"/>
    </xf>
    <xf numFmtId="0" fontId="54" fillId="0" borderId="0" xfId="0" applyFont="1" applyAlignment="1">
      <alignment horizontal="center" vertical="center"/>
    </xf>
  </cellXfs>
  <cellStyles count="45">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通貨 2" xfId="40"/>
    <cellStyle name="入力" xfId="41" builtinId="20" customBuiltin="1"/>
    <cellStyle name="標準" xfId="0" builtinId="0"/>
    <cellStyle name="標準 2" xfId="42"/>
    <cellStyle name="標準_処分実績報告書（焼却施設）(案)" xfId="43"/>
    <cellStyle name="良い" xfId="44"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_rels/drawing2.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16</xdr:col>
      <xdr:colOff>0</xdr:colOff>
      <xdr:row>7</xdr:row>
      <xdr:rowOff>0</xdr:rowOff>
    </xdr:from>
    <xdr:to>
      <xdr:col>41</xdr:col>
      <xdr:colOff>0</xdr:colOff>
      <xdr:row>28</xdr:row>
      <xdr:rowOff>99060</xdr:rowOff>
    </xdr:to>
    <xdr:sp macro="" textlink="">
      <xdr:nvSpPr>
        <xdr:cNvPr id="6841" name="Rectangle 6"/>
        <xdr:cNvSpPr>
          <a:spLocks noChangeArrowheads="1"/>
        </xdr:cNvSpPr>
      </xdr:nvSpPr>
      <xdr:spPr bwMode="auto">
        <a:xfrm>
          <a:off x="2560320" y="1181100"/>
          <a:ext cx="4000500" cy="3108960"/>
        </a:xfrm>
        <a:prstGeom prst="rect">
          <a:avLst/>
        </a:prstGeom>
        <a:noFill/>
        <a:ln w="9525">
          <a:solidFill>
            <a:srgbClr xmlns:mc="http://schemas.openxmlformats.org/markup-compatibility/2006" xmlns:a14="http://schemas.microsoft.com/office/drawing/2010/main" val="000000" mc:Ignorable="a14" a14:legacySpreadsheetColorIndex="64"/>
          </a:solidFill>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2</xdr:col>
      <xdr:colOff>0</xdr:colOff>
      <xdr:row>56</xdr:row>
      <xdr:rowOff>0</xdr:rowOff>
    </xdr:from>
    <xdr:to>
      <xdr:col>2</xdr:col>
      <xdr:colOff>0</xdr:colOff>
      <xdr:row>56</xdr:row>
      <xdr:rowOff>0</xdr:rowOff>
    </xdr:to>
    <xdr:sp macro="" textlink="">
      <xdr:nvSpPr>
        <xdr:cNvPr id="6842" name="AutoShape 7"/>
        <xdr:cNvSpPr>
          <a:spLocks noChangeArrowheads="1"/>
        </xdr:cNvSpPr>
      </xdr:nvSpPr>
      <xdr:spPr bwMode="auto">
        <a:xfrm>
          <a:off x="320040" y="9258300"/>
          <a:ext cx="0" cy="0"/>
        </a:xfrm>
        <a:prstGeom prst="bracketPair">
          <a:avLst>
            <a:gd name="adj" fmla="val 1666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25</xdr:col>
      <xdr:colOff>78096</xdr:colOff>
      <xdr:row>49</xdr:row>
      <xdr:rowOff>38286</xdr:rowOff>
    </xdr:from>
    <xdr:to>
      <xdr:col>25</xdr:col>
      <xdr:colOff>137321</xdr:colOff>
      <xdr:row>51</xdr:row>
      <xdr:rowOff>9376</xdr:rowOff>
    </xdr:to>
    <xdr:sp macro="" textlink="" fLocksText="0">
      <xdr:nvSpPr>
        <xdr:cNvPr id="533" name="右中かっこ 3"/>
        <xdr:cNvSpPr/>
      </xdr:nvSpPr>
      <xdr:spPr>
        <a:xfrm>
          <a:off x="4610100" y="7858125"/>
          <a:ext cx="66675" cy="371475"/>
        </a:xfrm>
        <a:prstGeom prst="rightBrace">
          <a:avLst/>
        </a:prstGeom>
        <a:noFill/>
        <a:ln w="12700">
          <a:solidFill>
            <a:srgbClr val="000000"/>
          </a:solidFill>
        </a:ln>
      </xdr:spPr>
      <xdr:style>
        <a:lnRef idx="1">
          <a:schemeClr val="accent1"/>
        </a:lnRef>
        <a:fillRef idx="0">
          <a:schemeClr val="accent1"/>
        </a:fillRef>
        <a:effectRef idx="0">
          <a:schemeClr val="accent1"/>
        </a:effectRef>
        <a:fontRef idx="minor">
          <a:schemeClr val="tx1"/>
        </a:fontRef>
      </xdr:style>
      <xdr:txBody>
        <a:bodyPr vertOverflow="clip" horzOverflow="clip" lIns="91440" tIns="45720" rIns="91440" bIns="45720" anchor="t"/>
        <a:lstStyle/>
        <a:p>
          <a:endParaRPr lang="ja-JP" altLang="en-US"/>
        </a:p>
      </xdr:txBody>
    </xdr:sp>
    <xdr:clientData/>
  </xdr:twoCellAnchor>
  <xdr:twoCellAnchor>
    <xdr:from>
      <xdr:col>12</xdr:col>
      <xdr:colOff>0</xdr:colOff>
      <xdr:row>61</xdr:row>
      <xdr:rowOff>85725</xdr:rowOff>
    </xdr:from>
    <xdr:to>
      <xdr:col>17</xdr:col>
      <xdr:colOff>0</xdr:colOff>
      <xdr:row>61</xdr:row>
      <xdr:rowOff>85725</xdr:rowOff>
    </xdr:to>
    <xdr:cxnSp macro="">
      <xdr:nvCxnSpPr>
        <xdr:cNvPr id="534" name="直線矢印コネクタ 4"/>
        <xdr:cNvCxnSpPr/>
      </xdr:nvCxnSpPr>
      <xdr:spPr>
        <a:xfrm>
          <a:off x="2171700" y="10258425"/>
          <a:ext cx="904875" cy="0"/>
        </a:xfrm>
        <a:prstGeom prst="straightConnector1">
          <a:avLst/>
        </a:prstGeom>
        <a:noFill/>
        <a:ln w="25400">
          <a:solidFill>
            <a:schemeClr val="tx1"/>
          </a:solidFill>
          <a:tailEnd type="triangle" w="lg" len="lg"/>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4</xdr:col>
      <xdr:colOff>39996</xdr:colOff>
      <xdr:row>69</xdr:row>
      <xdr:rowOff>87481</xdr:rowOff>
    </xdr:from>
    <xdr:to>
      <xdr:col>16</xdr:col>
      <xdr:colOff>151956</xdr:colOff>
      <xdr:row>69</xdr:row>
      <xdr:rowOff>87481</xdr:rowOff>
    </xdr:to>
    <xdr:cxnSp macro="">
      <xdr:nvCxnSpPr>
        <xdr:cNvPr id="535" name="直線矢印コネクタ 5"/>
        <xdr:cNvCxnSpPr/>
      </xdr:nvCxnSpPr>
      <xdr:spPr>
        <a:xfrm>
          <a:off x="2280276" y="11624161"/>
          <a:ext cx="432000" cy="0"/>
        </a:xfrm>
        <a:prstGeom prst="straightConnector1">
          <a:avLst/>
        </a:prstGeom>
        <a:noFill/>
        <a:ln w="12700">
          <a:solidFill>
            <a:schemeClr val="tx1"/>
          </a:solidFill>
          <a:tailEnd type="triangle" w="med" len="me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108650</xdr:colOff>
      <xdr:row>59</xdr:row>
      <xdr:rowOff>76126</xdr:rowOff>
    </xdr:from>
    <xdr:to>
      <xdr:col>40</xdr:col>
      <xdr:colOff>89563</xdr:colOff>
      <xdr:row>61</xdr:row>
      <xdr:rowOff>1905</xdr:rowOff>
    </xdr:to>
    <xdr:sp macro="" textlink="">
      <xdr:nvSpPr>
        <xdr:cNvPr id="536" name="ストライプ矢印 6"/>
        <xdr:cNvSpPr/>
      </xdr:nvSpPr>
      <xdr:spPr>
        <a:xfrm>
          <a:off x="6638925" y="9877425"/>
          <a:ext cx="704850" cy="295275"/>
        </a:xfrm>
        <a:prstGeom prst="stripedRightArrow">
          <a:avLst>
            <a:gd name="adj1" fmla="val 53922"/>
            <a:gd name="adj2" fmla="val 57843"/>
          </a:avLst>
        </a:prstGeom>
        <a:solidFill>
          <a:schemeClr val="bg1">
            <a:lumMod val="85000"/>
          </a:schemeClr>
        </a:solidFill>
        <a:ln w="6350">
          <a:solidFill>
            <a:srgbClr val="000000"/>
          </a:solid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lIns="91440" tIns="45720" rIns="91440" bIns="45720" anchor="t"/>
        <a:lstStyle/>
        <a:p>
          <a:endParaRPr lang="ja-JP" altLang="en-US"/>
        </a:p>
      </xdr:txBody>
    </xdr:sp>
    <xdr:clientData/>
  </xdr:twoCellAnchor>
  <xdr:twoCellAnchor>
    <xdr:from>
      <xdr:col>24</xdr:col>
      <xdr:colOff>127561</xdr:colOff>
      <xdr:row>49</xdr:row>
      <xdr:rowOff>142987</xdr:rowOff>
    </xdr:from>
    <xdr:to>
      <xdr:col>26</xdr:col>
      <xdr:colOff>89563</xdr:colOff>
      <xdr:row>54</xdr:row>
      <xdr:rowOff>0</xdr:rowOff>
    </xdr:to>
    <xdr:sp macro="" textlink="">
      <xdr:nvSpPr>
        <xdr:cNvPr id="537" name="曲折矢印 7"/>
        <xdr:cNvSpPr/>
      </xdr:nvSpPr>
      <xdr:spPr>
        <a:xfrm rot="7971552">
          <a:off x="4486275" y="7962900"/>
          <a:ext cx="323850" cy="819150"/>
        </a:xfrm>
        <a:prstGeom prst="bentArrow">
          <a:avLst>
            <a:gd name="adj1" fmla="val 25000"/>
            <a:gd name="adj2" fmla="val 23987"/>
            <a:gd name="adj3" fmla="val 25000"/>
            <a:gd name="adj4" fmla="val 87500"/>
          </a:avLst>
        </a:prstGeom>
        <a:solidFill>
          <a:schemeClr val="bg1">
            <a:lumMod val="75000"/>
          </a:schemeClr>
        </a:solidFill>
        <a:ln w="6350">
          <a:solidFill>
            <a:srgbClr val="000000"/>
          </a:solid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lIns="91440" tIns="45720" rIns="91440" bIns="45720" anchor="t"/>
        <a:lstStyle/>
        <a:p>
          <a:endParaRPr lang="ja-JP" altLang="en-US"/>
        </a:p>
      </xdr:txBody>
    </xdr:sp>
    <xdr:clientData/>
  </xdr:twoCellAnchor>
  <xdr:twoCellAnchor>
    <xdr:from>
      <xdr:col>2</xdr:col>
      <xdr:colOff>68552</xdr:colOff>
      <xdr:row>62</xdr:row>
      <xdr:rowOff>11132</xdr:rowOff>
    </xdr:from>
    <xdr:to>
      <xdr:col>14</xdr:col>
      <xdr:colOff>78096</xdr:colOff>
      <xdr:row>68</xdr:row>
      <xdr:rowOff>9421</xdr:rowOff>
    </xdr:to>
    <xdr:sp macro="" textlink="" fLocksText="0">
      <xdr:nvSpPr>
        <xdr:cNvPr id="538" name="大かっこ 12"/>
        <xdr:cNvSpPr/>
      </xdr:nvSpPr>
      <xdr:spPr>
        <a:xfrm>
          <a:off x="438150" y="10363200"/>
          <a:ext cx="2181225" cy="1019175"/>
        </a:xfrm>
        <a:prstGeom prst="bracketPair">
          <a:avLst>
            <a:gd name="adj" fmla="val 6446"/>
          </a:avLst>
        </a:prstGeom>
        <a:noFill/>
        <a:ln>
          <a:solidFill>
            <a:srgbClr val="000000"/>
          </a:solidFill>
        </a:ln>
      </xdr:spPr>
      <xdr:style>
        <a:lnRef idx="1">
          <a:schemeClr val="accent1"/>
        </a:lnRef>
        <a:fillRef idx="0">
          <a:schemeClr val="accent1"/>
        </a:fillRef>
        <a:effectRef idx="0">
          <a:schemeClr val="accent1"/>
        </a:effectRef>
        <a:fontRef idx="minor">
          <a:schemeClr val="tx1"/>
        </a:fontRef>
      </xdr:style>
      <xdr:txBody>
        <a:bodyPr vertOverflow="clip" horzOverflow="clip" lIns="91440" tIns="45720" rIns="91440" bIns="45720" anchor="t"/>
        <a:lstStyle/>
        <a:p>
          <a:endParaRPr lang="ja-JP" altLang="en-US"/>
        </a:p>
      </xdr:txBody>
    </xdr:sp>
    <xdr:clientData/>
  </xdr:twoCellAnchor>
  <xdr:oneCellAnchor>
    <xdr:from>
      <xdr:col>16</xdr:col>
      <xdr:colOff>11430</xdr:colOff>
      <xdr:row>31</xdr:row>
      <xdr:rowOff>28575</xdr:rowOff>
    </xdr:from>
    <xdr:ext cx="4096687" cy="276225"/>
    <xdr:sp macro="" textlink="">
      <xdr:nvSpPr>
        <xdr:cNvPr id="539" name="Text Box 1"/>
        <xdr:cNvSpPr txBox="1"/>
      </xdr:nvSpPr>
      <xdr:spPr bwMode="auto">
        <a:xfrm>
          <a:off x="2914650" y="4610100"/>
          <a:ext cx="4105275" cy="276225"/>
        </a:xfrm>
        <a:prstGeom prst="rect">
          <a:avLst/>
        </a:prstGeom>
        <a:solidFill>
          <a:srgbClr val="FFFFFF"/>
        </a:solidFill>
        <a:ln w="38100" cmpd="dbl">
          <a:solidFill>
            <a:srgbClr val="000000"/>
          </a:solidFill>
          <a:miter lim="800000"/>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none" lIns="27432" tIns="18288" rIns="0" bIns="18288" anchor="ctr" upright="1">
          <a:noAutofit/>
        </a:bodyPr>
        <a:lstStyle/>
        <a:p>
          <a:pPr algn="ctr" rtl="0">
            <a:lnSpc>
              <a:spcPts val="1100"/>
            </a:lnSpc>
            <a:defRPr sz="1000"/>
          </a:pPr>
          <a:r>
            <a:rPr lang="ja-JP" altLang="en-US" sz="1100" b="1" i="0" u="none" baseline="0">
              <a:solidFill>
                <a:srgbClr val="000000"/>
              </a:solidFill>
              <a:latin typeface="ＭＳ Ｐゴシック"/>
              <a:ea typeface="+mn-ea"/>
            </a:rPr>
            <a:t>　締め切りは、令和５年９月２９日</a:t>
          </a:r>
          <a:r>
            <a:rPr lang="en-US" altLang="ja-JP" sz="1100" b="1" i="0" u="none" baseline="0">
              <a:solidFill>
                <a:srgbClr val="000000"/>
              </a:solidFill>
              <a:latin typeface="ＭＳ Ｐゴシック"/>
              <a:ea typeface="+mn-ea"/>
            </a:rPr>
            <a:t>(</a:t>
          </a:r>
          <a:r>
            <a:rPr lang="ja-JP" altLang="en-US" sz="1100" b="1" i="0" u="none" baseline="0">
              <a:solidFill>
                <a:srgbClr val="000000"/>
              </a:solidFill>
              <a:latin typeface="ＭＳ Ｐゴシック"/>
              <a:ea typeface="+mn-ea"/>
            </a:rPr>
            <a:t>金</a:t>
          </a:r>
          <a:r>
            <a:rPr lang="en-US" altLang="ja-JP" sz="1100" b="1" i="0" u="none" baseline="0">
              <a:solidFill>
                <a:srgbClr val="000000"/>
              </a:solidFill>
              <a:latin typeface="ＭＳ Ｐゴシック"/>
              <a:ea typeface="+mn-ea"/>
            </a:rPr>
            <a:t>)</a:t>
          </a:r>
          <a:r>
            <a:rPr lang="ja-JP" altLang="en-US" sz="1100" b="1" i="0" u="none" baseline="0">
              <a:solidFill>
                <a:srgbClr val="000000"/>
              </a:solidFill>
              <a:latin typeface="ＭＳ Ｐゴシック"/>
              <a:ea typeface="+mn-ea"/>
            </a:rPr>
            <a:t>です。</a:t>
          </a:r>
          <a:r>
            <a:rPr lang="en-US" altLang="ja-JP" sz="1100" b="1" i="0" u="none" baseline="0">
              <a:solidFill>
                <a:srgbClr val="000000"/>
              </a:solidFill>
              <a:latin typeface="ＭＳ Ｐゴシック"/>
              <a:ea typeface="+mn-ea"/>
            </a:rPr>
            <a:t> </a:t>
          </a:r>
          <a:endParaRPr lang="ja-JP" altLang="en-US" sz="1100">
            <a:solidFill>
              <a:srgbClr val="000000"/>
            </a:solidFill>
          </a:endParaRPr>
        </a:p>
      </xdr:txBody>
    </xdr:sp>
    <xdr:clientData/>
  </xdr:oneCellAnchor>
  <xdr:oneCellAnchor>
    <xdr:from>
      <xdr:col>29</xdr:col>
      <xdr:colOff>89535</xdr:colOff>
      <xdr:row>0</xdr:row>
      <xdr:rowOff>38100</xdr:rowOff>
    </xdr:from>
    <xdr:ext cx="1809750" cy="933450"/>
    <xdr:sp macro="" textlink="" fLocksText="0">
      <xdr:nvSpPr>
        <xdr:cNvPr id="540" name="正方形/長方形 14"/>
        <xdr:cNvSpPr/>
      </xdr:nvSpPr>
      <xdr:spPr>
        <a:xfrm>
          <a:off x="5353050" y="38100"/>
          <a:ext cx="1809750" cy="933450"/>
        </a:xfrm>
        <a:prstGeom prst="rect">
          <a:avLst/>
        </a:prstGeom>
        <a:solidFill>
          <a:srgbClr val="FFFFFF"/>
        </a:solidFill>
        <a:ln>
          <a:solidFill>
            <a:srgbClr val="000000"/>
          </a:solid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wrap="square" lIns="91440" tIns="45720" rIns="91440" bIns="45720" anchor="ctr">
          <a:noAutofit/>
        </a:bodyPr>
        <a:lstStyle/>
        <a:p>
          <a:pPr algn="l">
            <a:lnSpc>
              <a:spcPts val="1100"/>
            </a:lnSpc>
          </a:pPr>
          <a:r>
            <a:rPr lang="ja-JP" altLang="en-US" sz="1050" b="1">
              <a:solidFill>
                <a:srgbClr val="000000"/>
              </a:solidFill>
              <a:latin typeface="+mn-ea"/>
              <a:ea typeface="+mn-ea"/>
            </a:rPr>
            <a:t>製造業、農業、漁業、鉱業、電気・ガス・水道業、卸売・小売業、サービス業、学術・開発研究機関、その他</a:t>
          </a:r>
          <a:endParaRPr lang="en-US" altLang="ja-JP" sz="1050" b="1">
            <a:solidFill>
              <a:srgbClr val="000000"/>
            </a:solidFill>
            <a:latin typeface="+mn-ea"/>
            <a:ea typeface="+mn-ea"/>
          </a:endParaRPr>
        </a:p>
      </xdr:txBody>
    </xdr:sp>
    <xdr:clientData/>
  </xdr:oneCellAnchor>
</xdr:wsDr>
</file>

<file path=xl/drawings/drawing2.xml><?xml version="1.0" encoding="utf-8"?>
<xdr:wsDr xmlns:xdr="http://schemas.openxmlformats.org/drawingml/2006/spreadsheetDrawing" xmlns:a="http://schemas.openxmlformats.org/drawingml/2006/main">
  <xdr:twoCellAnchor>
    <xdr:from>
      <xdr:col>1</xdr:col>
      <xdr:colOff>0</xdr:colOff>
      <xdr:row>7</xdr:row>
      <xdr:rowOff>123825</xdr:rowOff>
    </xdr:from>
    <xdr:to>
      <xdr:col>22</xdr:col>
      <xdr:colOff>156183</xdr:colOff>
      <xdr:row>11</xdr:row>
      <xdr:rowOff>19050</xdr:rowOff>
    </xdr:to>
    <xdr:sp macro="" textlink="">
      <xdr:nvSpPr>
        <xdr:cNvPr id="743" name="Text Box 1"/>
        <xdr:cNvSpPr txBox="1"/>
      </xdr:nvSpPr>
      <xdr:spPr bwMode="auto">
        <a:xfrm>
          <a:off x="238125" y="1238250"/>
          <a:ext cx="3971925" cy="504825"/>
        </a:xfrm>
        <a:prstGeom prst="rect">
          <a:avLst/>
        </a:prstGeom>
        <a:solidFill>
          <a:srgbClr val="FFFFFF"/>
        </a:solidFill>
        <a:ln w="38100" cmpd="dbl">
          <a:solidFill>
            <a:srgbClr val="000000"/>
          </a:solidFill>
          <a:miter lim="800000"/>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18288" anchor="ctr" upright="1"/>
        <a:lstStyle/>
        <a:p>
          <a:pPr algn="l" rtl="0">
            <a:lnSpc>
              <a:spcPts val="1100"/>
            </a:lnSpc>
          </a:pPr>
          <a:r>
            <a:rPr lang="ja-JP" altLang="en-US" sz="1000" b="1" i="0" u="none" baseline="0">
              <a:solidFill>
                <a:srgbClr val="000000"/>
              </a:solidFill>
              <a:latin typeface="ＭＳ Ｐゴシック"/>
              <a:ea typeface="ＭＳ Ｐゴシック"/>
            </a:rPr>
            <a:t>　産業廃棄物は10件まで記入できるようになっていますが、10件以上ある場合は、別添記入用紙に記入してください。</a:t>
          </a:r>
          <a:endParaRPr lang="ja-JP" altLang="en-US"/>
        </a:p>
      </xdr:txBody>
    </xdr:sp>
    <xdr:clientData/>
  </xdr:twoCellAnchor>
  <xdr:twoCellAnchor>
    <xdr:from>
      <xdr:col>25</xdr:col>
      <xdr:colOff>53340</xdr:colOff>
      <xdr:row>4</xdr:row>
      <xdr:rowOff>22860</xdr:rowOff>
    </xdr:from>
    <xdr:to>
      <xdr:col>43</xdr:col>
      <xdr:colOff>137160</xdr:colOff>
      <xdr:row>6</xdr:row>
      <xdr:rowOff>137160</xdr:rowOff>
    </xdr:to>
    <xdr:sp macro="" textlink="">
      <xdr:nvSpPr>
        <xdr:cNvPr id="8130" name="AutoShape 2" descr="50%"/>
        <xdr:cNvSpPr>
          <a:spLocks noChangeArrowheads="1"/>
        </xdr:cNvSpPr>
      </xdr:nvSpPr>
      <xdr:spPr bwMode="auto">
        <a:xfrm>
          <a:off x="4046220" y="678180"/>
          <a:ext cx="2956560" cy="419100"/>
        </a:xfrm>
        <a:prstGeom prst="rightArrow">
          <a:avLst>
            <a:gd name="adj1" fmla="val 53843"/>
            <a:gd name="adj2" fmla="val 71885"/>
          </a:avLst>
        </a:prstGeom>
        <a:blipFill dpi="0" rotWithShape="0">
          <a:blip xmlns:r="http://schemas.openxmlformats.org/officeDocument/2006/relationships" r:embed="rId1"/>
          <a:srcRect/>
          <a:tile tx="0" ty="0" sx="100000" sy="100000" flip="none" algn="tl"/>
        </a:blipFill>
        <a:ln w="9525">
          <a:solidFill>
            <a:srgbClr xmlns:mc="http://schemas.openxmlformats.org/markup-compatibility/2006" xmlns:a14="http://schemas.microsoft.com/office/drawing/2010/main" val="000000" mc:Ignorable="a14" a14:legacySpreadsheetColorIndex="64"/>
          </a:solidFill>
          <a:miter lim="800000"/>
          <a:headEnd/>
          <a:tailEnd/>
        </a:ln>
        <a:effectLst>
          <a:outerShdw dist="35921" dir="2700000" algn="ctr" rotWithShape="0">
            <a:srgbClr val="808080"/>
          </a:outerShdw>
        </a:effectLst>
      </xdr:spPr>
    </xdr:sp>
    <xdr:clientData/>
  </xdr:twoCellAnchor>
  <xdr:twoCellAnchor>
    <xdr:from>
      <xdr:col>25</xdr:col>
      <xdr:colOff>91440</xdr:colOff>
      <xdr:row>16</xdr:row>
      <xdr:rowOff>83820</xdr:rowOff>
    </xdr:from>
    <xdr:to>
      <xdr:col>31</xdr:col>
      <xdr:colOff>60960</xdr:colOff>
      <xdr:row>20</xdr:row>
      <xdr:rowOff>144780</xdr:rowOff>
    </xdr:to>
    <xdr:sp macro="" textlink="">
      <xdr:nvSpPr>
        <xdr:cNvPr id="8131" name="AutoShape 3" descr="50%"/>
        <xdr:cNvSpPr>
          <a:spLocks noChangeArrowheads="1"/>
        </xdr:cNvSpPr>
      </xdr:nvSpPr>
      <xdr:spPr bwMode="auto">
        <a:xfrm flipV="1">
          <a:off x="4084320" y="2567940"/>
          <a:ext cx="922020" cy="670560"/>
        </a:xfrm>
        <a:custGeom>
          <a:avLst/>
          <a:gdLst>
            <a:gd name="T0" fmla="*/ 2147483646 w 21600"/>
            <a:gd name="T1" fmla="*/ 0 h 21600"/>
            <a:gd name="T2" fmla="*/ 2147483646 w 21600"/>
            <a:gd name="T3" fmla="*/ 2147483646 h 21600"/>
            <a:gd name="T4" fmla="*/ 0 w 21600"/>
            <a:gd name="T5" fmla="*/ 2147483646 h 21600"/>
            <a:gd name="T6" fmla="*/ 2147483646 w 21600"/>
            <a:gd name="T7" fmla="*/ 2147483646 h 21600"/>
            <a:gd name="T8" fmla="*/ 2147483646 w 21600"/>
            <a:gd name="T9" fmla="*/ 2147483646 h 21600"/>
            <a:gd name="T10" fmla="*/ 2147483646 w 21600"/>
            <a:gd name="T11" fmla="*/ 2147483646 h 21600"/>
            <a:gd name="T12" fmla="*/ 17694720 60000 65536"/>
            <a:gd name="T13" fmla="*/ 11796480 60000 65536"/>
            <a:gd name="T14" fmla="*/ 11796480 60000 65536"/>
            <a:gd name="T15" fmla="*/ 5898240 60000 65536"/>
            <a:gd name="T16" fmla="*/ 0 60000 65536"/>
            <a:gd name="T17" fmla="*/ 0 60000 65536"/>
            <a:gd name="T18" fmla="*/ 0 w 21600"/>
            <a:gd name="T19" fmla="*/ 16491 h 21600"/>
            <a:gd name="T20" fmla="*/ 18261 w 21600"/>
            <a:gd name="T21" fmla="*/ 21600 h 21600"/>
          </a:gdLst>
          <a:ahLst/>
          <a:cxnLst>
            <a:cxn ang="T12">
              <a:pos x="T0" y="T1"/>
            </a:cxn>
            <a:cxn ang="T13">
              <a:pos x="T2" y="T3"/>
            </a:cxn>
            <a:cxn ang="T14">
              <a:pos x="T4" y="T5"/>
            </a:cxn>
            <a:cxn ang="T15">
              <a:pos x="T6" y="T7"/>
            </a:cxn>
            <a:cxn ang="T16">
              <a:pos x="T8" y="T9"/>
            </a:cxn>
            <a:cxn ang="T17">
              <a:pos x="T10" y="T11"/>
            </a:cxn>
          </a:cxnLst>
          <a:rect l="T18" t="T19" r="T20" b="T21"/>
          <a:pathLst>
            <a:path w="21600" h="21600">
              <a:moveTo>
                <a:pt x="16102" y="0"/>
              </a:moveTo>
              <a:lnTo>
                <a:pt x="10603" y="8948"/>
              </a:lnTo>
              <a:lnTo>
                <a:pt x="13942" y="8948"/>
              </a:lnTo>
              <a:lnTo>
                <a:pt x="13942" y="16491"/>
              </a:lnTo>
              <a:lnTo>
                <a:pt x="0" y="16491"/>
              </a:lnTo>
              <a:lnTo>
                <a:pt x="0" y="21600"/>
              </a:lnTo>
              <a:lnTo>
                <a:pt x="18261" y="21600"/>
              </a:lnTo>
              <a:lnTo>
                <a:pt x="18261" y="8948"/>
              </a:lnTo>
              <a:lnTo>
                <a:pt x="21600" y="8948"/>
              </a:lnTo>
              <a:lnTo>
                <a:pt x="16102" y="0"/>
              </a:lnTo>
              <a:close/>
            </a:path>
          </a:pathLst>
        </a:custGeom>
        <a:blipFill dpi="0" rotWithShape="0">
          <a:blip xmlns:r="http://schemas.openxmlformats.org/officeDocument/2006/relationships" r:embed="rId1"/>
          <a:srcRect/>
          <a:tile tx="0" ty="0" sx="100000" sy="100000" flip="none" algn="tl"/>
        </a:blipFill>
        <a:ln w="9525">
          <a:solidFill>
            <a:srgbClr xmlns:mc="http://schemas.openxmlformats.org/markup-compatibility/2006" xmlns:a14="http://schemas.microsoft.com/office/drawing/2010/main" val="000000" mc:Ignorable="a14" a14:legacySpreadsheetColorIndex="64"/>
          </a:solidFill>
          <a:miter lim="800000"/>
          <a:headEnd/>
          <a:tailEnd/>
        </a:ln>
        <a:effectLst>
          <a:outerShdw dist="35921" dir="2700000" algn="ctr" rotWithShape="0">
            <a:srgbClr val="808080"/>
          </a:outerShdw>
        </a:effectLst>
      </xdr:spPr>
    </xdr:sp>
    <xdr:clientData/>
  </xdr:twoCellAnchor>
  <xdr:twoCellAnchor>
    <xdr:from>
      <xdr:col>25</xdr:col>
      <xdr:colOff>99060</xdr:colOff>
      <xdr:row>21</xdr:row>
      <xdr:rowOff>38100</xdr:rowOff>
    </xdr:from>
    <xdr:to>
      <xdr:col>43</xdr:col>
      <xdr:colOff>45720</xdr:colOff>
      <xdr:row>25</xdr:row>
      <xdr:rowOff>45720</xdr:rowOff>
    </xdr:to>
    <xdr:sp macro="" textlink="">
      <xdr:nvSpPr>
        <xdr:cNvPr id="8132" name="AutoShape 4"/>
        <xdr:cNvSpPr>
          <a:spLocks noChangeArrowheads="1"/>
        </xdr:cNvSpPr>
      </xdr:nvSpPr>
      <xdr:spPr bwMode="auto">
        <a:xfrm>
          <a:off x="4091940" y="3284220"/>
          <a:ext cx="2819400" cy="617220"/>
        </a:xfrm>
        <a:prstGeom prst="bracketPair">
          <a:avLst>
            <a:gd name="adj" fmla="val 1666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38</xdr:col>
      <xdr:colOff>60960</xdr:colOff>
      <xdr:row>15</xdr:row>
      <xdr:rowOff>83820</xdr:rowOff>
    </xdr:from>
    <xdr:to>
      <xdr:col>43</xdr:col>
      <xdr:colOff>45720</xdr:colOff>
      <xdr:row>20</xdr:row>
      <xdr:rowOff>144780</xdr:rowOff>
    </xdr:to>
    <xdr:sp macro="" textlink="">
      <xdr:nvSpPr>
        <xdr:cNvPr id="8133" name="AutoShape 5" descr="50%"/>
        <xdr:cNvSpPr>
          <a:spLocks noChangeArrowheads="1"/>
        </xdr:cNvSpPr>
      </xdr:nvSpPr>
      <xdr:spPr bwMode="auto">
        <a:xfrm rot="16200000" flipV="1">
          <a:off x="6107430" y="2434590"/>
          <a:ext cx="822960" cy="784860"/>
        </a:xfrm>
        <a:custGeom>
          <a:avLst/>
          <a:gdLst>
            <a:gd name="T0" fmla="*/ 2147483646 w 21600"/>
            <a:gd name="T1" fmla="*/ 0 h 21600"/>
            <a:gd name="T2" fmla="*/ 2147483646 w 21600"/>
            <a:gd name="T3" fmla="*/ 2147483646 h 21600"/>
            <a:gd name="T4" fmla="*/ 0 w 21600"/>
            <a:gd name="T5" fmla="*/ 2147483646 h 21600"/>
            <a:gd name="T6" fmla="*/ 2147483646 w 21600"/>
            <a:gd name="T7" fmla="*/ 2147483646 h 21600"/>
            <a:gd name="T8" fmla="*/ 2147483646 w 21600"/>
            <a:gd name="T9" fmla="*/ 2147483646 h 21600"/>
            <a:gd name="T10" fmla="*/ 2147483646 w 21600"/>
            <a:gd name="T11" fmla="*/ 2147483646 h 21600"/>
            <a:gd name="T12" fmla="*/ 17694720 60000 65536"/>
            <a:gd name="T13" fmla="*/ 11796480 60000 65536"/>
            <a:gd name="T14" fmla="*/ 11796480 60000 65536"/>
            <a:gd name="T15" fmla="*/ 5898240 60000 65536"/>
            <a:gd name="T16" fmla="*/ 0 60000 65536"/>
            <a:gd name="T17" fmla="*/ 0 60000 65536"/>
            <a:gd name="T18" fmla="*/ 0 w 21600"/>
            <a:gd name="T19" fmla="*/ 16095 h 21600"/>
            <a:gd name="T20" fmla="*/ 17767 w 21600"/>
            <a:gd name="T21" fmla="*/ 21600 h 21600"/>
          </a:gdLst>
          <a:ahLst/>
          <a:cxnLst>
            <a:cxn ang="T12">
              <a:pos x="T0" y="T1"/>
            </a:cxn>
            <a:cxn ang="T13">
              <a:pos x="T2" y="T3"/>
            </a:cxn>
            <a:cxn ang="T14">
              <a:pos x="T4" y="T5"/>
            </a:cxn>
            <a:cxn ang="T15">
              <a:pos x="T6" y="T7"/>
            </a:cxn>
            <a:cxn ang="T16">
              <a:pos x="T8" y="T9"/>
            </a:cxn>
            <a:cxn ang="T17">
              <a:pos x="T10" y="T11"/>
            </a:cxn>
          </a:cxnLst>
          <a:rect l="T18" t="T19" r="T20" b="T21"/>
          <a:pathLst>
            <a:path w="21600" h="21600">
              <a:moveTo>
                <a:pt x="15503" y="0"/>
              </a:moveTo>
              <a:lnTo>
                <a:pt x="9406" y="6520"/>
              </a:lnTo>
              <a:lnTo>
                <a:pt x="13239" y="6520"/>
              </a:lnTo>
              <a:lnTo>
                <a:pt x="13239" y="16095"/>
              </a:lnTo>
              <a:lnTo>
                <a:pt x="0" y="16095"/>
              </a:lnTo>
              <a:lnTo>
                <a:pt x="0" y="21600"/>
              </a:lnTo>
              <a:lnTo>
                <a:pt x="17767" y="21600"/>
              </a:lnTo>
              <a:lnTo>
                <a:pt x="17767" y="6520"/>
              </a:lnTo>
              <a:lnTo>
                <a:pt x="21600" y="6520"/>
              </a:lnTo>
              <a:lnTo>
                <a:pt x="15503" y="0"/>
              </a:lnTo>
              <a:close/>
            </a:path>
          </a:pathLst>
        </a:custGeom>
        <a:blipFill dpi="0" rotWithShape="0">
          <a:blip xmlns:r="http://schemas.openxmlformats.org/officeDocument/2006/relationships" r:embed="rId1"/>
          <a:srcRect/>
          <a:tile tx="0" ty="0" sx="100000" sy="100000" flip="none" algn="tl"/>
        </a:blipFill>
        <a:ln w="9525">
          <a:solidFill>
            <a:srgbClr xmlns:mc="http://schemas.openxmlformats.org/markup-compatibility/2006" xmlns:a14="http://schemas.microsoft.com/office/drawing/2010/main" val="000000" mc:Ignorable="a14" a14:legacySpreadsheetColorIndex="64"/>
          </a:solidFill>
          <a:miter lim="800000"/>
          <a:headEnd/>
          <a:tailEnd/>
        </a:ln>
        <a:effectLst>
          <a:outerShdw dist="35921" dir="2700000" algn="ctr" rotWithShape="0">
            <a:srgbClr val="808080"/>
          </a:outerShdw>
        </a:effectLst>
      </xdr:spPr>
    </xdr:sp>
    <xdr:clientData/>
  </xdr:twoCellAnchor>
  <xdr:twoCellAnchor>
    <xdr:from>
      <xdr:col>11</xdr:col>
      <xdr:colOff>7620</xdr:colOff>
      <xdr:row>74</xdr:row>
      <xdr:rowOff>30480</xdr:rowOff>
    </xdr:from>
    <xdr:to>
      <xdr:col>14</xdr:col>
      <xdr:colOff>152400</xdr:colOff>
      <xdr:row>74</xdr:row>
      <xdr:rowOff>121920</xdr:rowOff>
    </xdr:to>
    <xdr:sp macro="" textlink="">
      <xdr:nvSpPr>
        <xdr:cNvPr id="8134" name="AutoShape 6"/>
        <xdr:cNvSpPr>
          <a:spLocks/>
        </xdr:cNvSpPr>
      </xdr:nvSpPr>
      <xdr:spPr bwMode="auto">
        <a:xfrm rot="5400000">
          <a:off x="2087880" y="10995660"/>
          <a:ext cx="91440" cy="624840"/>
        </a:xfrm>
        <a:prstGeom prst="rightBrace">
          <a:avLst>
            <a:gd name="adj1" fmla="val 56944"/>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63</xdr:col>
      <xdr:colOff>7620</xdr:colOff>
      <xdr:row>74</xdr:row>
      <xdr:rowOff>30480</xdr:rowOff>
    </xdr:from>
    <xdr:to>
      <xdr:col>65</xdr:col>
      <xdr:colOff>152400</xdr:colOff>
      <xdr:row>74</xdr:row>
      <xdr:rowOff>121920</xdr:rowOff>
    </xdr:to>
    <xdr:sp macro="" textlink="">
      <xdr:nvSpPr>
        <xdr:cNvPr id="8135" name="AutoShape 7"/>
        <xdr:cNvSpPr>
          <a:spLocks/>
        </xdr:cNvSpPr>
      </xdr:nvSpPr>
      <xdr:spPr bwMode="auto">
        <a:xfrm rot="5400000">
          <a:off x="10092690" y="11075670"/>
          <a:ext cx="91440" cy="464820"/>
        </a:xfrm>
        <a:prstGeom prst="rightBrace">
          <a:avLst>
            <a:gd name="adj1" fmla="val 42361"/>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25</xdr:col>
      <xdr:colOff>68580</xdr:colOff>
      <xdr:row>6</xdr:row>
      <xdr:rowOff>137160</xdr:rowOff>
    </xdr:from>
    <xdr:to>
      <xdr:col>43</xdr:col>
      <xdr:colOff>22860</xdr:colOff>
      <xdr:row>11</xdr:row>
      <xdr:rowOff>68580</xdr:rowOff>
    </xdr:to>
    <xdr:sp macro="" textlink="">
      <xdr:nvSpPr>
        <xdr:cNvPr id="8136" name="AutoShape 8"/>
        <xdr:cNvSpPr>
          <a:spLocks noChangeArrowheads="1"/>
        </xdr:cNvSpPr>
      </xdr:nvSpPr>
      <xdr:spPr bwMode="auto">
        <a:xfrm>
          <a:off x="4061460" y="1097280"/>
          <a:ext cx="2827020" cy="693420"/>
        </a:xfrm>
        <a:prstGeom prst="bracketPair">
          <a:avLst>
            <a:gd name="adj" fmla="val 1666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xdr:col>
      <xdr:colOff>30554</xdr:colOff>
      <xdr:row>44</xdr:row>
      <xdr:rowOff>28575</xdr:rowOff>
    </xdr:from>
    <xdr:to>
      <xdr:col>22</xdr:col>
      <xdr:colOff>89567</xdr:colOff>
      <xdr:row>47</xdr:row>
      <xdr:rowOff>0</xdr:rowOff>
    </xdr:to>
    <xdr:sp macro="" textlink="">
      <xdr:nvSpPr>
        <xdr:cNvPr id="751" name="Text Box 9"/>
        <xdr:cNvSpPr txBox="1"/>
      </xdr:nvSpPr>
      <xdr:spPr bwMode="auto">
        <a:xfrm>
          <a:off x="276225" y="6781800"/>
          <a:ext cx="3867150" cy="428625"/>
        </a:xfrm>
        <a:prstGeom prst="rect">
          <a:avLst/>
        </a:prstGeom>
        <a:solidFill>
          <a:srgbClr val="FFFFFF"/>
        </a:solidFill>
        <a:ln w="6350">
          <a:solidFill>
            <a:srgbClr val="000000"/>
          </a:solidFill>
          <a:miter lim="800000"/>
        </a:ln>
      </xdr:spPr>
      <xdr:txBody>
        <a:bodyPr vertOverflow="clip" wrap="square" lIns="90000" tIns="0" rIns="90000" bIns="0" anchor="ctr" anchorCtr="0" upright="1"/>
        <a:lstStyle/>
        <a:p>
          <a:pPr algn="l" rtl="0">
            <a:lnSpc>
              <a:spcPts val="1200"/>
            </a:lnSpc>
            <a:defRPr sz="1000"/>
          </a:pPr>
          <a:r>
            <a:rPr lang="ja-JP" altLang="en-US" sz="1000" b="0" i="0" u="none" baseline="0">
              <a:solidFill>
                <a:srgbClr val="000000"/>
              </a:solidFill>
              <a:latin typeface="ＭＳ ゴシック"/>
              <a:ea typeface="ＭＳ ゴシック"/>
            </a:rPr>
            <a:t>　大型トラック：40kg/本　、中型トラック：10kg/本</a:t>
          </a:r>
          <a:endParaRPr lang="ja-JP" altLang="en-US" sz="1000" b="0" i="0" u="none" baseline="0">
            <a:solidFill>
              <a:srgbClr val="000000"/>
            </a:solidFill>
            <a:latin typeface="Times New Roman"/>
            <a:ea typeface="ＭＳ ゴシック"/>
            <a:cs typeface="Times New Roman"/>
          </a:endParaRPr>
        </a:p>
        <a:p>
          <a:pPr algn="l" rtl="0">
            <a:lnSpc>
              <a:spcPts val="1200"/>
            </a:lnSpc>
            <a:defRPr sz="1000"/>
          </a:pPr>
          <a:r>
            <a:rPr lang="ja-JP" altLang="en-US" sz="1000" b="0" i="0" u="none" baseline="0">
              <a:solidFill>
                <a:srgbClr val="000000"/>
              </a:solidFill>
              <a:latin typeface="ＭＳ ゴシック"/>
              <a:ea typeface="ＭＳ ゴシック"/>
            </a:rPr>
            <a:t>　普通車用　　：７kg/本　、軽自動車用　：４kg/本</a:t>
          </a:r>
          <a:endParaRPr lang="ja-JP" altLang="en-US" sz="1050" b="0" i="0" u="none" baseline="0">
            <a:solidFill>
              <a:srgbClr val="000000"/>
            </a:solidFill>
            <a:latin typeface="Times New Roman"/>
            <a:ea typeface="ＭＳ ゴシック"/>
            <a:cs typeface="Times New Roman"/>
          </a:endParaRPr>
        </a:p>
        <a:p>
          <a:pPr algn="l" rtl="0">
            <a:lnSpc>
              <a:spcPts val="1200"/>
            </a:lnSpc>
          </a:pPr>
          <a:endParaRPr lang="ja-JP" altLang="en-US"/>
        </a:p>
      </xdr:txBody>
    </xdr:sp>
    <xdr:clientData/>
  </xdr:twoCellAnchor>
  <xdr:twoCellAnchor>
    <xdr:from>
      <xdr:col>1</xdr:col>
      <xdr:colOff>47541</xdr:colOff>
      <xdr:row>31</xdr:row>
      <xdr:rowOff>47625</xdr:rowOff>
    </xdr:from>
    <xdr:to>
      <xdr:col>22</xdr:col>
      <xdr:colOff>110611</xdr:colOff>
      <xdr:row>41</xdr:row>
      <xdr:rowOff>28575</xdr:rowOff>
    </xdr:to>
    <xdr:sp macro="" textlink="" fLocksText="0">
      <xdr:nvSpPr>
        <xdr:cNvPr id="752" name="Rectangle 10"/>
        <xdr:cNvSpPr/>
      </xdr:nvSpPr>
      <xdr:spPr bwMode="auto">
        <a:xfrm>
          <a:off x="285750" y="4819650"/>
          <a:ext cx="3886200" cy="150495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lnSpc>
              <a:spcPts val="1100"/>
            </a:lnSpc>
            <a:defRPr sz="1000"/>
          </a:pPr>
          <a:r>
            <a:rPr lang="ja-JP" altLang="en-US" sz="900" b="0" i="0" u="none" baseline="0">
              <a:solidFill>
                <a:srgbClr val="000000"/>
              </a:solidFill>
              <a:latin typeface="ＭＳ 明朝"/>
              <a:ea typeface="ＭＳ 明朝"/>
            </a:rPr>
            <a:t>　発生する産業廃棄物を体積で把握している場合は、上表を参考にして、体積に換算比重を乗ずることにより、重量を算出してください。</a:t>
          </a:r>
        </a:p>
        <a:p>
          <a:pPr algn="l" rtl="0">
            <a:lnSpc>
              <a:spcPts val="1100"/>
            </a:lnSpc>
            <a:defRPr sz="1000"/>
          </a:pPr>
          <a:r>
            <a:rPr lang="ja-JP" altLang="en-US" sz="900" b="0" i="0" u="none" baseline="0">
              <a:solidFill>
                <a:srgbClr val="000000"/>
              </a:solidFill>
              <a:latin typeface="ＭＳ 明朝"/>
              <a:ea typeface="ＭＳ 明朝"/>
            </a:rPr>
            <a:t>　　　　　　［体積×換算比重＝重量］</a:t>
          </a:r>
        </a:p>
        <a:p>
          <a:pPr algn="l" rtl="0">
            <a:lnSpc>
              <a:spcPts val="1100"/>
            </a:lnSpc>
            <a:defRPr sz="1000"/>
          </a:pPr>
          <a:r>
            <a:rPr lang="ja-JP" altLang="en-US" sz="900" b="0" i="0" u="none" baseline="0">
              <a:solidFill>
                <a:srgbClr val="000000"/>
              </a:solidFill>
              <a:latin typeface="ＭＳ 明朝"/>
              <a:ea typeface="ＭＳ 明朝"/>
            </a:rPr>
            <a:t>　換算比重は、体積がリットルのときはkg、１m</a:t>
          </a:r>
          <a:r>
            <a:rPr lang="ja-JP" altLang="en-US" sz="900" b="0" i="0" u="none" baseline="30000">
              <a:solidFill>
                <a:srgbClr val="000000"/>
              </a:solidFill>
              <a:latin typeface="ＭＳ 明朝"/>
              <a:ea typeface="ＭＳ 明朝"/>
            </a:rPr>
            <a:t>３</a:t>
          </a:r>
          <a:r>
            <a:rPr lang="ja-JP" altLang="en-US" sz="900" b="0" i="0" u="none" baseline="0">
              <a:solidFill>
                <a:srgbClr val="000000"/>
              </a:solidFill>
              <a:latin typeface="ＭＳ 明朝"/>
              <a:ea typeface="ＭＳ 明朝"/>
            </a:rPr>
            <a:t>のときはｔ</a:t>
          </a:r>
          <a:r>
            <a:rPr lang="en-US" altLang="ja-JP" sz="900" b="0" i="0" u="none" baseline="0">
              <a:solidFill>
                <a:srgbClr val="000000"/>
              </a:solidFill>
              <a:latin typeface="ＭＳ 明朝"/>
              <a:ea typeface="ＭＳ 明朝"/>
            </a:rPr>
            <a:t>(</a:t>
          </a:r>
          <a:r>
            <a:rPr lang="ja-JP" altLang="en-US" sz="900" b="0" i="0" u="none" baseline="0">
              <a:solidFill>
                <a:srgbClr val="000000"/>
              </a:solidFill>
              <a:latin typeface="ＭＳ 明朝"/>
              <a:ea typeface="ＭＳ 明朝"/>
            </a:rPr>
            <a:t>トン</a:t>
          </a:r>
          <a:r>
            <a:rPr lang="en-US" altLang="ja-JP" sz="900" b="0" i="0" u="none" baseline="0">
              <a:solidFill>
                <a:srgbClr val="000000"/>
              </a:solidFill>
              <a:latin typeface="ＭＳ 明朝"/>
              <a:ea typeface="ＭＳ 明朝"/>
            </a:rPr>
            <a:t>)</a:t>
          </a:r>
          <a:r>
            <a:rPr lang="ja-JP" altLang="en-US" sz="900" b="0" i="0" u="none" baseline="0">
              <a:solidFill>
                <a:srgbClr val="000000"/>
              </a:solidFill>
              <a:latin typeface="ＭＳ 明朝"/>
              <a:ea typeface="ＭＳ 明朝"/>
            </a:rPr>
            <a:t>での重量を示します。</a:t>
          </a:r>
        </a:p>
        <a:p>
          <a:pPr algn="l" rtl="0">
            <a:defRPr sz="1000"/>
          </a:pPr>
          <a:r>
            <a:rPr lang="ja-JP" altLang="en-US" sz="900" b="0" i="0" u="none" baseline="0">
              <a:solidFill>
                <a:srgbClr val="000000"/>
              </a:solidFill>
              <a:latin typeface="ＭＳ 明朝"/>
              <a:ea typeface="ＭＳ 明朝"/>
            </a:rPr>
            <a:t>　例．廃油　　体積が１リットルのときは0.90kg、</a:t>
          </a:r>
        </a:p>
        <a:p>
          <a:pPr algn="l" rtl="0">
            <a:defRPr sz="1000"/>
          </a:pPr>
          <a:r>
            <a:rPr lang="ja-JP" altLang="en-US" sz="900" b="0" i="0" u="none" baseline="0">
              <a:solidFill>
                <a:srgbClr val="000000"/>
              </a:solidFill>
              <a:latin typeface="ＭＳ 明朝"/>
              <a:ea typeface="ＭＳ 明朝"/>
            </a:rPr>
            <a:t>　　　　　　　体積が１m</a:t>
          </a:r>
          <a:r>
            <a:rPr lang="ja-JP" altLang="en-US" sz="900" b="0" i="0" u="none" baseline="30000">
              <a:solidFill>
                <a:srgbClr val="000000"/>
              </a:solidFill>
              <a:latin typeface="ＭＳ 明朝"/>
              <a:ea typeface="ＭＳ 明朝"/>
            </a:rPr>
            <a:t>３</a:t>
          </a:r>
          <a:r>
            <a:rPr lang="ja-JP" altLang="en-US" sz="900" b="0" i="0" u="none" baseline="0">
              <a:solidFill>
                <a:srgbClr val="000000"/>
              </a:solidFill>
              <a:latin typeface="ＭＳ 明朝"/>
              <a:ea typeface="ＭＳ 明朝"/>
            </a:rPr>
            <a:t>のときは0.90ｔ</a:t>
          </a:r>
          <a:endParaRPr lang="en-US" altLang="ja-JP" sz="900" b="0" i="0" u="none" baseline="0">
            <a:solidFill>
              <a:srgbClr val="000000"/>
            </a:solidFill>
            <a:latin typeface="ＭＳ 明朝"/>
            <a:ea typeface="ＭＳ 明朝"/>
          </a:endParaRPr>
        </a:p>
        <a:p>
          <a:pPr rtl="0"/>
          <a:r>
            <a:rPr lang="ja-JP" altLang="en-US" sz="900" b="0" i="0" u="none" baseline="0">
              <a:solidFill>
                <a:srgbClr val="000000"/>
              </a:solidFill>
              <a:latin typeface="ＭＳ 明朝"/>
              <a:ea typeface="ＭＳ 明朝"/>
            </a:rPr>
            <a:t>　　　木くず　</a:t>
          </a:r>
          <a:r>
            <a:rPr lang="ja-JP" altLang="ja-JP" sz="900" b="0" i="0" baseline="0">
              <a:solidFill>
                <a:srgbClr val="000000"/>
              </a:solidFill>
              <a:latin typeface="ＭＳ Ｐ明朝" panose="02020600040205080304" pitchFamily="18" charset="-128"/>
              <a:ea typeface="ＭＳ Ｐ明朝" panose="02020600040205080304" pitchFamily="18" charset="-128"/>
              <a:cs typeface="+mn-cs"/>
            </a:rPr>
            <a:t>体積が１</a:t>
          </a:r>
          <a:r>
            <a:rPr lang="en-US" altLang="ja-JP" sz="900" b="0" i="0" baseline="0">
              <a:solidFill>
                <a:srgbClr val="000000"/>
              </a:solidFill>
              <a:latin typeface="ＭＳ Ｐ明朝" panose="02020600040205080304" pitchFamily="18" charset="-128"/>
              <a:ea typeface="ＭＳ Ｐ明朝" panose="02020600040205080304" pitchFamily="18" charset="-128"/>
              <a:cs typeface="+mn-cs"/>
            </a:rPr>
            <a:t>m</a:t>
          </a:r>
          <a:r>
            <a:rPr lang="ja-JP" altLang="en-US" sz="900" b="0" i="0" baseline="30000">
              <a:solidFill>
                <a:srgbClr val="000000"/>
              </a:solidFill>
              <a:latin typeface="ＭＳ Ｐ明朝" panose="02020600040205080304" pitchFamily="18" charset="-128"/>
              <a:ea typeface="ＭＳ Ｐ明朝" panose="02020600040205080304" pitchFamily="18" charset="-128"/>
              <a:cs typeface="+mn-cs"/>
            </a:rPr>
            <a:t>３</a:t>
          </a:r>
          <a:r>
            <a:rPr lang="ja-JP" altLang="ja-JP" sz="900" b="0" i="0" baseline="0">
              <a:solidFill>
                <a:srgbClr val="000000"/>
              </a:solidFill>
              <a:latin typeface="ＭＳ Ｐ明朝" panose="02020600040205080304" pitchFamily="18" charset="-128"/>
              <a:ea typeface="ＭＳ Ｐ明朝" panose="02020600040205080304" pitchFamily="18" charset="-128"/>
              <a:cs typeface="+mn-cs"/>
            </a:rPr>
            <a:t>のときは0.</a:t>
          </a:r>
          <a:r>
            <a:rPr lang="en-US" altLang="ja-JP" sz="900" b="0" i="0" baseline="0">
              <a:solidFill>
                <a:srgbClr val="000000"/>
              </a:solidFill>
              <a:latin typeface="ＭＳ Ｐ明朝" panose="02020600040205080304" pitchFamily="18" charset="-128"/>
              <a:ea typeface="ＭＳ Ｐ明朝" panose="02020600040205080304" pitchFamily="18" charset="-128"/>
              <a:cs typeface="+mn-cs"/>
            </a:rPr>
            <a:t>55t</a:t>
          </a:r>
          <a:endParaRPr lang="ja-JP" altLang="ja-JP" sz="900">
            <a:solidFill>
              <a:srgbClr val="000000"/>
            </a:solidFill>
            <a:latin typeface="ＭＳ Ｐ明朝" panose="02020600040205080304" pitchFamily="18" charset="-128"/>
            <a:ea typeface="ＭＳ Ｐ明朝" panose="02020600040205080304" pitchFamily="18" charset="-128"/>
          </a:endParaRPr>
        </a:p>
        <a:p>
          <a:pPr algn="l" rtl="0">
            <a:defRPr sz="1000"/>
          </a:pPr>
          <a:r>
            <a:rPr lang="ja-JP" altLang="en-US"/>
            <a:t>　　　　</a:t>
          </a:r>
          <a:r>
            <a:rPr lang="ja-JP" altLang="en-US" sz="900">
              <a:latin typeface="ＭＳ Ｐ明朝" panose="02020600040205080304" pitchFamily="18" charset="-128"/>
              <a:ea typeface="ＭＳ Ｐ明朝" panose="02020600040205080304" pitchFamily="18" charset="-128"/>
            </a:rPr>
            <a:t>感染性廃棄物　７０</a:t>
          </a:r>
          <a:r>
            <a:rPr lang="en-US" altLang="ja-JP" sz="900">
              <a:latin typeface="ＭＳ Ｐ明朝" panose="02020600040205080304" pitchFamily="18" charset="-128"/>
              <a:ea typeface="ＭＳ Ｐ明朝" panose="02020600040205080304" pitchFamily="18" charset="-128"/>
            </a:rPr>
            <a:t>L</a:t>
          </a:r>
          <a:r>
            <a:rPr lang="ja-JP" altLang="en-US" sz="900">
              <a:latin typeface="ＭＳ Ｐ明朝" panose="02020600040205080304" pitchFamily="18" charset="-128"/>
              <a:ea typeface="ＭＳ Ｐ明朝" panose="02020600040205080304" pitchFamily="18" charset="-128"/>
            </a:rPr>
            <a:t>ペール容器</a:t>
          </a:r>
          <a:r>
            <a:rPr lang="en-US" altLang="ja-JP" sz="900">
              <a:latin typeface="ＭＳ Ｐ明朝" panose="02020600040205080304" pitchFamily="18" charset="-128"/>
              <a:ea typeface="ＭＳ Ｐ明朝" panose="02020600040205080304" pitchFamily="18" charset="-128"/>
            </a:rPr>
            <a:t>1</a:t>
          </a:r>
          <a:r>
            <a:rPr lang="ja-JP" altLang="en-US" sz="900">
              <a:latin typeface="ＭＳ Ｐ明朝" panose="02020600040205080304" pitchFamily="18" charset="-128"/>
              <a:ea typeface="ＭＳ Ｐ明朝" panose="02020600040205080304" pitchFamily="18" charset="-128"/>
            </a:rPr>
            <a:t>個当たり、</a:t>
          </a:r>
          <a:r>
            <a:rPr lang="en-US" altLang="ja-JP" sz="900">
              <a:latin typeface="ＭＳ Ｐ明朝" panose="02020600040205080304" pitchFamily="18" charset="-128"/>
              <a:ea typeface="ＭＳ Ｐ明朝" panose="02020600040205080304" pitchFamily="18" charset="-128"/>
            </a:rPr>
            <a:t>21kg</a:t>
          </a:r>
          <a:endParaRPr lang="ja-JP" altLang="en-US" sz="900">
            <a:latin typeface="ＭＳ Ｐ明朝" panose="02020600040205080304" pitchFamily="18" charset="-128"/>
            <a:ea typeface="ＭＳ Ｐ明朝" panose="02020600040205080304" pitchFamily="18" charset="-128"/>
          </a:endParaRPr>
        </a:p>
      </xdr:txBody>
    </xdr:sp>
    <xdr:clientData/>
  </xdr:twoCellAnchor>
  <xdr:twoCellAnchor>
    <xdr:from>
      <xdr:col>1</xdr:col>
      <xdr:colOff>7620</xdr:colOff>
      <xdr:row>21</xdr:row>
      <xdr:rowOff>45720</xdr:rowOff>
    </xdr:from>
    <xdr:to>
      <xdr:col>22</xdr:col>
      <xdr:colOff>152400</xdr:colOff>
      <xdr:row>41</xdr:row>
      <xdr:rowOff>60960</xdr:rowOff>
    </xdr:to>
    <xdr:sp macro="" textlink="">
      <xdr:nvSpPr>
        <xdr:cNvPr id="8139" name="Rectangle 11"/>
        <xdr:cNvSpPr>
          <a:spLocks noChangeArrowheads="1"/>
        </xdr:cNvSpPr>
      </xdr:nvSpPr>
      <xdr:spPr bwMode="auto">
        <a:xfrm>
          <a:off x="220980" y="3291840"/>
          <a:ext cx="3505200" cy="3063240"/>
        </a:xfrm>
        <a:prstGeom prst="rect">
          <a:avLst/>
        </a:prstGeom>
        <a:noFill/>
        <a:ln w="9525">
          <a:solidFill>
            <a:srgbClr xmlns:mc="http://schemas.openxmlformats.org/markup-compatibility/2006" xmlns:a14="http://schemas.microsoft.com/office/drawing/2010/main" val="000000" mc:Ignorable="a14" a14:legacySpreadsheetColorIndex="64"/>
          </a:solidFill>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xdr:col>
      <xdr:colOff>21011</xdr:colOff>
      <xdr:row>19</xdr:row>
      <xdr:rowOff>104775</xdr:rowOff>
    </xdr:from>
    <xdr:to>
      <xdr:col>22</xdr:col>
      <xdr:colOff>127561</xdr:colOff>
      <xdr:row>21</xdr:row>
      <xdr:rowOff>38100</xdr:rowOff>
    </xdr:to>
    <xdr:sp macro="" textlink="" fLocksText="0">
      <xdr:nvSpPr>
        <xdr:cNvPr id="754" name="Rectangle 12"/>
        <xdr:cNvSpPr/>
      </xdr:nvSpPr>
      <xdr:spPr bwMode="auto">
        <a:xfrm>
          <a:off x="266700" y="3048000"/>
          <a:ext cx="3914775" cy="2381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0" anchor="t" upright="1"/>
        <a:lstStyle/>
        <a:p>
          <a:pPr algn="ctr" rtl="0"/>
          <a:r>
            <a:rPr lang="ja-JP" altLang="en-US" sz="1100" b="0" i="0" u="none" baseline="0">
              <a:solidFill>
                <a:srgbClr val="000000"/>
              </a:solidFill>
              <a:latin typeface="ＭＳ 明朝"/>
              <a:ea typeface="ＭＳ 明朝"/>
            </a:rPr>
            <a:t>【体積→重量換算表】（参考）</a:t>
          </a:r>
          <a:endParaRPr lang="ja-JP" altLang="en-US"/>
        </a:p>
      </xdr:txBody>
    </xdr:sp>
    <xdr:clientData/>
  </xdr:twoCellAnchor>
  <xdr:twoCellAnchor>
    <xdr:from>
      <xdr:col>74</xdr:col>
      <xdr:colOff>7620</xdr:colOff>
      <xdr:row>74</xdr:row>
      <xdr:rowOff>30480</xdr:rowOff>
    </xdr:from>
    <xdr:to>
      <xdr:col>81</xdr:col>
      <xdr:colOff>0</xdr:colOff>
      <xdr:row>74</xdr:row>
      <xdr:rowOff>144780</xdr:rowOff>
    </xdr:to>
    <xdr:sp macro="" textlink="">
      <xdr:nvSpPr>
        <xdr:cNvPr id="8141" name="AutoShape 13"/>
        <xdr:cNvSpPr>
          <a:spLocks/>
        </xdr:cNvSpPr>
      </xdr:nvSpPr>
      <xdr:spPr bwMode="auto">
        <a:xfrm rot="5400000">
          <a:off x="12165330" y="10763250"/>
          <a:ext cx="114300" cy="1112520"/>
        </a:xfrm>
        <a:prstGeom prst="rightBrace">
          <a:avLst>
            <a:gd name="adj1" fmla="val 81111"/>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86</xdr:col>
      <xdr:colOff>83820</xdr:colOff>
      <xdr:row>74</xdr:row>
      <xdr:rowOff>38100</xdr:rowOff>
    </xdr:from>
    <xdr:to>
      <xdr:col>88</xdr:col>
      <xdr:colOff>236220</xdr:colOff>
      <xdr:row>74</xdr:row>
      <xdr:rowOff>137160</xdr:rowOff>
    </xdr:to>
    <xdr:sp macro="" textlink="">
      <xdr:nvSpPr>
        <xdr:cNvPr id="8142" name="AutoShape 25"/>
        <xdr:cNvSpPr>
          <a:spLocks/>
        </xdr:cNvSpPr>
      </xdr:nvSpPr>
      <xdr:spPr bwMode="auto">
        <a:xfrm rot="5400000">
          <a:off x="13856970" y="10991850"/>
          <a:ext cx="99060" cy="655320"/>
        </a:xfrm>
        <a:prstGeom prst="rightBrace">
          <a:avLst>
            <a:gd name="adj1" fmla="val 55128"/>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wsDr>
</file>

<file path=xl/drawings/drawing3.xml><?xml version="1.0" encoding="utf-8"?>
<xdr:wsDr xmlns:xdr="http://schemas.openxmlformats.org/drawingml/2006/spreadsheetDrawing" xmlns:a="http://schemas.openxmlformats.org/drawingml/2006/main">
  <xdr:twoCellAnchor>
    <xdr:from>
      <xdr:col>11</xdr:col>
      <xdr:colOff>7620</xdr:colOff>
      <xdr:row>75</xdr:row>
      <xdr:rowOff>30480</xdr:rowOff>
    </xdr:from>
    <xdr:to>
      <xdr:col>14</xdr:col>
      <xdr:colOff>152400</xdr:colOff>
      <xdr:row>75</xdr:row>
      <xdr:rowOff>121920</xdr:rowOff>
    </xdr:to>
    <xdr:sp macro="" textlink="">
      <xdr:nvSpPr>
        <xdr:cNvPr id="3413" name="AutoShape 6"/>
        <xdr:cNvSpPr>
          <a:spLocks/>
        </xdr:cNvSpPr>
      </xdr:nvSpPr>
      <xdr:spPr bwMode="auto">
        <a:xfrm rot="5400000">
          <a:off x="2087880" y="11201400"/>
          <a:ext cx="91440" cy="624840"/>
        </a:xfrm>
        <a:prstGeom prst="rightBrace">
          <a:avLst>
            <a:gd name="adj1" fmla="val 56944"/>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63</xdr:col>
      <xdr:colOff>7620</xdr:colOff>
      <xdr:row>75</xdr:row>
      <xdr:rowOff>30480</xdr:rowOff>
    </xdr:from>
    <xdr:to>
      <xdr:col>65</xdr:col>
      <xdr:colOff>152400</xdr:colOff>
      <xdr:row>75</xdr:row>
      <xdr:rowOff>121920</xdr:rowOff>
    </xdr:to>
    <xdr:sp macro="" textlink="">
      <xdr:nvSpPr>
        <xdr:cNvPr id="3414" name="AutoShape 7"/>
        <xdr:cNvSpPr>
          <a:spLocks/>
        </xdr:cNvSpPr>
      </xdr:nvSpPr>
      <xdr:spPr bwMode="auto">
        <a:xfrm rot="5400000">
          <a:off x="10092690" y="11281410"/>
          <a:ext cx="91440" cy="464820"/>
        </a:xfrm>
        <a:prstGeom prst="rightBrace">
          <a:avLst>
            <a:gd name="adj1" fmla="val 42361"/>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74</xdr:col>
      <xdr:colOff>7620</xdr:colOff>
      <xdr:row>75</xdr:row>
      <xdr:rowOff>30480</xdr:rowOff>
    </xdr:from>
    <xdr:to>
      <xdr:col>81</xdr:col>
      <xdr:colOff>0</xdr:colOff>
      <xdr:row>75</xdr:row>
      <xdr:rowOff>144780</xdr:rowOff>
    </xdr:to>
    <xdr:sp macro="" textlink="">
      <xdr:nvSpPr>
        <xdr:cNvPr id="3415" name="AutoShape 13"/>
        <xdr:cNvSpPr>
          <a:spLocks/>
        </xdr:cNvSpPr>
      </xdr:nvSpPr>
      <xdr:spPr bwMode="auto">
        <a:xfrm rot="5400000">
          <a:off x="12165330" y="10968990"/>
          <a:ext cx="114300" cy="1112520"/>
        </a:xfrm>
        <a:prstGeom prst="rightBrace">
          <a:avLst>
            <a:gd name="adj1" fmla="val 81111"/>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86</xdr:col>
      <xdr:colOff>83820</xdr:colOff>
      <xdr:row>75</xdr:row>
      <xdr:rowOff>38100</xdr:rowOff>
    </xdr:from>
    <xdr:to>
      <xdr:col>88</xdr:col>
      <xdr:colOff>236220</xdr:colOff>
      <xdr:row>75</xdr:row>
      <xdr:rowOff>137160</xdr:rowOff>
    </xdr:to>
    <xdr:sp macro="" textlink="">
      <xdr:nvSpPr>
        <xdr:cNvPr id="3416" name="AutoShape 25"/>
        <xdr:cNvSpPr>
          <a:spLocks/>
        </xdr:cNvSpPr>
      </xdr:nvSpPr>
      <xdr:spPr bwMode="auto">
        <a:xfrm rot="5400000">
          <a:off x="13856970" y="11197590"/>
          <a:ext cx="99060" cy="655320"/>
        </a:xfrm>
        <a:prstGeom prst="rightBrace">
          <a:avLst>
            <a:gd name="adj1" fmla="val 55128"/>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3:AO71"/>
  <sheetViews>
    <sheetView tabSelected="1" view="pageBreakPreview" zoomScaleNormal="100" zoomScaleSheetLayoutView="100" workbookViewId="0">
      <selection activeCell="C61" sqref="C61"/>
    </sheetView>
  </sheetViews>
  <sheetFormatPr defaultColWidth="9" defaultRowHeight="13.2" x14ac:dyDescent="0.2"/>
  <cols>
    <col min="1" max="41" width="2.33203125" style="2" customWidth="1"/>
    <col min="42" max="42" width="1.6640625" style="138" customWidth="1"/>
    <col min="43" max="16384" width="9" style="138"/>
  </cols>
  <sheetData>
    <row r="3" spans="1:41" x14ac:dyDescent="0.2">
      <c r="A3" s="173" t="s">
        <v>219</v>
      </c>
      <c r="B3" s="173"/>
      <c r="C3" s="173"/>
      <c r="D3" s="173"/>
      <c r="E3" s="173"/>
      <c r="F3" s="173"/>
      <c r="G3" s="173"/>
      <c r="H3" s="173"/>
      <c r="I3" s="173"/>
      <c r="J3" s="173"/>
      <c r="K3" s="173"/>
      <c r="L3" s="173"/>
      <c r="M3" s="173"/>
      <c r="N3" s="173"/>
      <c r="O3" s="173"/>
      <c r="P3" s="173"/>
      <c r="Q3" s="173"/>
      <c r="R3" s="173"/>
      <c r="S3" s="173"/>
      <c r="T3" s="173"/>
      <c r="U3" s="173"/>
      <c r="V3" s="173"/>
      <c r="W3" s="173"/>
      <c r="X3" s="173"/>
      <c r="Y3" s="173"/>
      <c r="Z3" s="173"/>
      <c r="AA3" s="173"/>
      <c r="AB3" s="173"/>
      <c r="AC3" s="173"/>
      <c r="AD3" s="173"/>
      <c r="AE3" s="173"/>
      <c r="AF3" s="173"/>
    </row>
    <row r="4" spans="1:41" x14ac:dyDescent="0.2">
      <c r="A4" s="173"/>
      <c r="B4" s="173"/>
      <c r="C4" s="173"/>
      <c r="D4" s="173"/>
      <c r="E4" s="173"/>
      <c r="F4" s="173"/>
      <c r="G4" s="173"/>
      <c r="H4" s="173"/>
      <c r="I4" s="173"/>
      <c r="J4" s="173"/>
      <c r="K4" s="173"/>
      <c r="L4" s="173"/>
      <c r="M4" s="173"/>
      <c r="N4" s="173"/>
      <c r="O4" s="173"/>
      <c r="P4" s="173"/>
      <c r="Q4" s="173"/>
      <c r="R4" s="173"/>
      <c r="S4" s="173"/>
      <c r="T4" s="173"/>
      <c r="U4" s="173"/>
      <c r="V4" s="173"/>
      <c r="W4" s="173"/>
      <c r="X4" s="173"/>
      <c r="Y4" s="173"/>
      <c r="Z4" s="173"/>
      <c r="AA4" s="173"/>
      <c r="AB4" s="173"/>
      <c r="AC4" s="173"/>
      <c r="AD4" s="173"/>
      <c r="AE4" s="173"/>
      <c r="AF4" s="173"/>
    </row>
    <row r="5" spans="1:41" customFormat="1" ht="14.25" customHeight="1" x14ac:dyDescent="0.2">
      <c r="A5" s="173"/>
      <c r="B5" s="173"/>
      <c r="C5" s="173"/>
      <c r="D5" s="173"/>
      <c r="E5" s="173"/>
      <c r="F5" s="173"/>
      <c r="G5" s="173"/>
      <c r="H5" s="173"/>
      <c r="I5" s="173"/>
      <c r="J5" s="173"/>
      <c r="K5" s="173"/>
      <c r="L5" s="173"/>
      <c r="M5" s="173"/>
      <c r="N5" s="173"/>
      <c r="O5" s="173"/>
      <c r="P5" s="173"/>
      <c r="Q5" s="173"/>
      <c r="R5" s="173"/>
      <c r="S5" s="173"/>
      <c r="T5" s="173"/>
      <c r="U5" s="173"/>
      <c r="V5" s="173"/>
      <c r="W5" s="173"/>
      <c r="X5" s="173"/>
      <c r="Y5" s="173"/>
      <c r="Z5" s="173"/>
      <c r="AA5" s="173"/>
      <c r="AB5" s="173"/>
      <c r="AC5" s="173"/>
      <c r="AD5" s="173"/>
      <c r="AE5" s="173"/>
      <c r="AF5" s="173"/>
      <c r="AG5" s="152"/>
      <c r="AH5" s="152"/>
      <c r="AI5" s="152"/>
      <c r="AJ5" s="152"/>
      <c r="AK5" s="152"/>
      <c r="AL5" s="152"/>
      <c r="AM5" s="152"/>
      <c r="AN5" s="152"/>
      <c r="AO5" s="152"/>
    </row>
    <row r="6" spans="1:41" customFormat="1" ht="14.25" customHeight="1" x14ac:dyDescent="0.2">
      <c r="A6" s="173"/>
      <c r="B6" s="173"/>
      <c r="C6" s="173"/>
      <c r="D6" s="173"/>
      <c r="E6" s="173"/>
      <c r="F6" s="173"/>
      <c r="G6" s="173"/>
      <c r="H6" s="173"/>
      <c r="I6" s="173"/>
      <c r="J6" s="173"/>
      <c r="K6" s="173"/>
      <c r="L6" s="173"/>
      <c r="M6" s="173"/>
      <c r="N6" s="173"/>
      <c r="O6" s="173"/>
      <c r="P6" s="173"/>
      <c r="Q6" s="173"/>
      <c r="R6" s="173"/>
      <c r="S6" s="173"/>
      <c r="T6" s="173"/>
      <c r="U6" s="173"/>
      <c r="V6" s="173"/>
      <c r="W6" s="173"/>
      <c r="X6" s="173"/>
      <c r="Y6" s="173"/>
      <c r="Z6" s="173"/>
      <c r="AA6" s="173"/>
      <c r="AB6" s="173"/>
      <c r="AC6" s="173"/>
      <c r="AD6" s="173"/>
      <c r="AE6" s="173"/>
      <c r="AF6" s="173"/>
      <c r="AG6" s="152"/>
      <c r="AH6" s="152"/>
      <c r="AI6" s="152"/>
      <c r="AJ6" s="152"/>
      <c r="AK6" s="152"/>
      <c r="AL6" s="152"/>
      <c r="AM6" s="152"/>
      <c r="AN6" s="152"/>
      <c r="AO6" s="152"/>
    </row>
    <row r="7" spans="1:41" ht="12.75" customHeight="1" x14ac:dyDescent="0.2">
      <c r="A7" s="163"/>
      <c r="B7" s="1"/>
      <c r="C7" s="1"/>
    </row>
    <row r="8" spans="1:41" ht="12.75" customHeight="1" x14ac:dyDescent="0.2">
      <c r="A8" s="167"/>
      <c r="B8" s="167"/>
      <c r="C8" s="167"/>
      <c r="D8" s="167"/>
      <c r="E8" s="167"/>
      <c r="F8" s="167"/>
      <c r="G8" s="167"/>
      <c r="H8" s="167"/>
      <c r="I8" s="167"/>
      <c r="J8" s="167"/>
      <c r="K8" s="167"/>
      <c r="L8" s="167"/>
      <c r="M8" s="167"/>
      <c r="N8" s="167"/>
      <c r="O8" s="167"/>
      <c r="Q8" s="184" t="s">
        <v>84</v>
      </c>
      <c r="R8" s="185"/>
      <c r="S8" s="185"/>
      <c r="T8" s="185"/>
      <c r="U8" s="185"/>
      <c r="V8" s="185"/>
      <c r="W8" s="185"/>
      <c r="X8" s="185"/>
      <c r="Y8" s="185"/>
      <c r="Z8" s="185"/>
      <c r="AA8" s="185"/>
      <c r="AB8" s="185"/>
      <c r="AC8" s="185"/>
      <c r="AD8" s="185"/>
      <c r="AE8" s="185"/>
      <c r="AF8" s="185"/>
      <c r="AG8" s="185"/>
      <c r="AH8" s="185"/>
      <c r="AI8" s="185"/>
      <c r="AJ8" s="185"/>
      <c r="AK8" s="185"/>
      <c r="AL8" s="185"/>
      <c r="AM8" s="185"/>
      <c r="AN8" s="185"/>
      <c r="AO8" s="185"/>
    </row>
    <row r="9" spans="1:41" ht="12.75" customHeight="1" x14ac:dyDescent="0.2">
      <c r="A9" s="167"/>
      <c r="B9" s="167"/>
      <c r="C9" s="167"/>
      <c r="D9" s="167"/>
      <c r="E9" s="167"/>
      <c r="F9" s="167"/>
      <c r="G9" s="167"/>
      <c r="H9" s="167"/>
      <c r="I9" s="167"/>
      <c r="J9" s="167"/>
      <c r="K9" s="167"/>
      <c r="L9" s="167"/>
      <c r="M9" s="167"/>
      <c r="N9" s="167"/>
      <c r="O9" s="167"/>
      <c r="P9" s="3"/>
      <c r="Q9" s="185"/>
      <c r="R9" s="185"/>
      <c r="S9" s="185"/>
      <c r="T9" s="185"/>
      <c r="U9" s="185"/>
      <c r="V9" s="185"/>
      <c r="W9" s="185"/>
      <c r="X9" s="185"/>
      <c r="Y9" s="185"/>
      <c r="Z9" s="185"/>
      <c r="AA9" s="185"/>
      <c r="AB9" s="185"/>
      <c r="AC9" s="185"/>
      <c r="AD9" s="185"/>
      <c r="AE9" s="185"/>
      <c r="AF9" s="185"/>
      <c r="AG9" s="185"/>
      <c r="AH9" s="185"/>
      <c r="AI9" s="185"/>
      <c r="AJ9" s="185"/>
      <c r="AK9" s="185"/>
      <c r="AL9" s="185"/>
      <c r="AM9" s="185"/>
      <c r="AN9" s="185"/>
      <c r="AO9" s="185"/>
    </row>
    <row r="10" spans="1:41" ht="4.5" customHeight="1" x14ac:dyDescent="0.2">
      <c r="A10" s="4"/>
      <c r="B10" s="4"/>
      <c r="C10" s="5"/>
      <c r="D10" s="5"/>
      <c r="E10" s="6"/>
      <c r="F10" s="6"/>
      <c r="G10" s="7"/>
      <c r="H10" s="7"/>
      <c r="I10" s="7"/>
      <c r="J10" s="7"/>
      <c r="K10" s="7"/>
      <c r="L10" s="7"/>
      <c r="M10" s="7"/>
      <c r="N10" s="7"/>
      <c r="O10" s="7"/>
      <c r="P10" s="3"/>
      <c r="R10" s="8"/>
      <c r="S10" s="8"/>
      <c r="T10" s="8"/>
      <c r="U10" s="8"/>
      <c r="V10" s="8"/>
      <c r="W10" s="8"/>
      <c r="X10" s="8"/>
      <c r="Y10" s="8"/>
      <c r="Z10" s="8"/>
      <c r="AA10" s="8"/>
      <c r="AB10" s="8"/>
      <c r="AC10" s="8"/>
      <c r="AD10" s="8"/>
      <c r="AE10" s="8"/>
      <c r="AF10" s="8"/>
      <c r="AG10" s="8"/>
      <c r="AH10" s="8"/>
      <c r="AI10" s="8"/>
      <c r="AJ10" s="8"/>
      <c r="AK10" s="8"/>
      <c r="AL10" s="8"/>
      <c r="AM10" s="8"/>
      <c r="AN10" s="8"/>
      <c r="AO10" s="8"/>
    </row>
    <row r="11" spans="1:41" ht="12.75" customHeight="1" x14ac:dyDescent="0.2">
      <c r="A11" s="168"/>
      <c r="B11" s="169"/>
      <c r="C11" s="169"/>
      <c r="D11" s="169"/>
      <c r="E11" s="169"/>
      <c r="F11" s="169"/>
      <c r="G11" s="169"/>
      <c r="H11" s="169"/>
      <c r="I11" s="169"/>
      <c r="J11" s="169"/>
      <c r="K11" s="169"/>
      <c r="L11" s="169"/>
      <c r="M11" s="169"/>
      <c r="N11" s="169"/>
      <c r="O11" s="169"/>
      <c r="P11" s="3"/>
      <c r="Q11" s="9" t="s">
        <v>85</v>
      </c>
      <c r="S11" s="172" t="s">
        <v>220</v>
      </c>
      <c r="T11" s="172"/>
      <c r="U11" s="172"/>
      <c r="V11" s="172"/>
      <c r="W11" s="172"/>
      <c r="X11" s="172"/>
      <c r="Y11" s="172"/>
      <c r="Z11" s="172"/>
      <c r="AA11" s="172"/>
      <c r="AB11" s="172"/>
      <c r="AC11" s="172"/>
      <c r="AD11" s="172"/>
      <c r="AE11" s="172"/>
      <c r="AF11" s="172"/>
      <c r="AG11" s="172"/>
      <c r="AH11" s="172"/>
      <c r="AI11" s="172"/>
      <c r="AJ11" s="172"/>
      <c r="AK11" s="172"/>
      <c r="AL11" s="172"/>
      <c r="AM11" s="172"/>
      <c r="AN11" s="172"/>
      <c r="AO11" s="172"/>
    </row>
    <row r="12" spans="1:41" ht="12.75" customHeight="1" x14ac:dyDescent="0.2">
      <c r="A12" s="169"/>
      <c r="B12" s="169"/>
      <c r="C12" s="169"/>
      <c r="D12" s="169"/>
      <c r="E12" s="169"/>
      <c r="F12" s="169"/>
      <c r="G12" s="169"/>
      <c r="H12" s="169"/>
      <c r="I12" s="169"/>
      <c r="J12" s="169"/>
      <c r="K12" s="169"/>
      <c r="L12" s="169"/>
      <c r="M12" s="169"/>
      <c r="N12" s="169"/>
      <c r="O12" s="169"/>
      <c r="P12" s="3"/>
      <c r="Q12" s="10"/>
      <c r="S12" s="172"/>
      <c r="T12" s="172"/>
      <c r="U12" s="172"/>
      <c r="V12" s="172"/>
      <c r="W12" s="172"/>
      <c r="X12" s="172"/>
      <c r="Y12" s="172"/>
      <c r="Z12" s="172"/>
      <c r="AA12" s="172"/>
      <c r="AB12" s="172"/>
      <c r="AC12" s="172"/>
      <c r="AD12" s="172"/>
      <c r="AE12" s="172"/>
      <c r="AF12" s="172"/>
      <c r="AG12" s="172"/>
      <c r="AH12" s="172"/>
      <c r="AI12" s="172"/>
      <c r="AJ12" s="172"/>
      <c r="AK12" s="172"/>
      <c r="AL12" s="172"/>
      <c r="AM12" s="172"/>
      <c r="AN12" s="172"/>
      <c r="AO12" s="172"/>
    </row>
    <row r="13" spans="1:41" ht="12.6" customHeight="1" x14ac:dyDescent="0.2">
      <c r="A13" s="166"/>
      <c r="B13" s="166"/>
      <c r="C13" s="166"/>
      <c r="D13" s="166"/>
      <c r="E13" s="166"/>
      <c r="F13" s="166"/>
      <c r="G13" s="166"/>
      <c r="H13" s="166"/>
      <c r="I13" s="166"/>
      <c r="J13" s="166"/>
      <c r="K13" s="166"/>
      <c r="L13" s="166"/>
      <c r="M13" s="166"/>
      <c r="N13" s="166"/>
      <c r="O13" s="166"/>
      <c r="P13" s="3"/>
      <c r="Q13" s="10"/>
      <c r="S13" s="172"/>
      <c r="T13" s="172"/>
      <c r="U13" s="172"/>
      <c r="V13" s="172"/>
      <c r="W13" s="172"/>
      <c r="X13" s="172"/>
      <c r="Y13" s="172"/>
      <c r="Z13" s="172"/>
      <c r="AA13" s="172"/>
      <c r="AB13" s="172"/>
      <c r="AC13" s="172"/>
      <c r="AD13" s="172"/>
      <c r="AE13" s="172"/>
      <c r="AF13" s="172"/>
      <c r="AG13" s="172"/>
      <c r="AH13" s="172"/>
      <c r="AI13" s="172"/>
      <c r="AJ13" s="172"/>
      <c r="AK13" s="172"/>
      <c r="AL13" s="172"/>
      <c r="AM13" s="172"/>
      <c r="AN13" s="172"/>
      <c r="AO13" s="172"/>
    </row>
    <row r="14" spans="1:41" ht="6" customHeight="1" x14ac:dyDescent="0.2">
      <c r="A14" s="4"/>
      <c r="B14" s="4"/>
      <c r="C14" s="5"/>
      <c r="D14" s="5"/>
      <c r="E14" s="5"/>
      <c r="F14" s="5"/>
      <c r="G14" s="11"/>
      <c r="H14" s="11"/>
      <c r="I14" s="11"/>
      <c r="J14" s="11"/>
      <c r="K14" s="5"/>
      <c r="L14" s="11"/>
      <c r="M14" s="11"/>
      <c r="N14" s="11"/>
      <c r="O14" s="11"/>
      <c r="P14" s="5"/>
      <c r="Q14" s="10"/>
      <c r="S14" s="12"/>
      <c r="U14" s="12"/>
      <c r="V14" s="12"/>
      <c r="W14" s="12"/>
      <c r="X14" s="12"/>
      <c r="Y14" s="12"/>
      <c r="Z14" s="12"/>
      <c r="AA14" s="12"/>
      <c r="AB14" s="12"/>
      <c r="AC14" s="12"/>
      <c r="AD14" s="12"/>
      <c r="AE14" s="12"/>
      <c r="AF14" s="12"/>
      <c r="AG14" s="12"/>
      <c r="AH14" s="12"/>
      <c r="AI14" s="12"/>
      <c r="AJ14" s="12"/>
      <c r="AK14" s="12"/>
      <c r="AL14" s="12"/>
      <c r="AM14" s="12"/>
      <c r="AN14" s="12"/>
      <c r="AO14" s="12"/>
    </row>
    <row r="15" spans="1:41" ht="12.75" customHeight="1" x14ac:dyDescent="0.2">
      <c r="A15" s="186" t="s">
        <v>180</v>
      </c>
      <c r="B15" s="186"/>
      <c r="C15" s="186"/>
      <c r="D15" s="186"/>
      <c r="E15" s="186"/>
      <c r="F15" s="186"/>
      <c r="G15" s="186"/>
      <c r="H15" s="186"/>
      <c r="I15" s="186"/>
      <c r="J15" s="186"/>
      <c r="K15" s="186"/>
      <c r="L15" s="186"/>
      <c r="M15" s="186"/>
      <c r="N15" s="186"/>
      <c r="O15" s="186"/>
      <c r="P15" s="5"/>
      <c r="Q15" s="9" t="s">
        <v>86</v>
      </c>
      <c r="S15" s="187" t="s">
        <v>182</v>
      </c>
      <c r="T15" s="188"/>
      <c r="U15" s="188"/>
      <c r="V15" s="188"/>
      <c r="W15" s="188"/>
      <c r="X15" s="188"/>
      <c r="Y15" s="188"/>
      <c r="Z15" s="188"/>
      <c r="AA15" s="188"/>
      <c r="AB15" s="188"/>
      <c r="AC15" s="188"/>
      <c r="AD15" s="188"/>
      <c r="AE15" s="188"/>
      <c r="AF15" s="188"/>
      <c r="AG15" s="188"/>
      <c r="AH15" s="188"/>
      <c r="AI15" s="188"/>
      <c r="AJ15" s="188"/>
      <c r="AK15" s="188"/>
      <c r="AL15" s="188"/>
      <c r="AM15" s="188"/>
      <c r="AN15" s="188"/>
      <c r="AO15" s="188"/>
    </row>
    <row r="16" spans="1:41" ht="12.75" customHeight="1" x14ac:dyDescent="0.2">
      <c r="A16" s="186"/>
      <c r="B16" s="186"/>
      <c r="C16" s="186"/>
      <c r="D16" s="186"/>
      <c r="E16" s="186"/>
      <c r="F16" s="186"/>
      <c r="G16" s="186"/>
      <c r="H16" s="186"/>
      <c r="I16" s="186"/>
      <c r="J16" s="186"/>
      <c r="K16" s="186"/>
      <c r="L16" s="186"/>
      <c r="M16" s="186"/>
      <c r="N16" s="186"/>
      <c r="O16" s="186"/>
      <c r="Q16" s="13"/>
      <c r="S16" s="188"/>
      <c r="T16" s="188"/>
      <c r="U16" s="188"/>
      <c r="V16" s="188"/>
      <c r="W16" s="188"/>
      <c r="X16" s="188"/>
      <c r="Y16" s="188"/>
      <c r="Z16" s="188"/>
      <c r="AA16" s="188"/>
      <c r="AB16" s="188"/>
      <c r="AC16" s="188"/>
      <c r="AD16" s="188"/>
      <c r="AE16" s="188"/>
      <c r="AF16" s="188"/>
      <c r="AG16" s="188"/>
      <c r="AH16" s="188"/>
      <c r="AI16" s="188"/>
      <c r="AJ16" s="188"/>
      <c r="AK16" s="188"/>
      <c r="AL16" s="188"/>
      <c r="AM16" s="188"/>
      <c r="AN16" s="188"/>
      <c r="AO16" s="188"/>
    </row>
    <row r="17" spans="1:41" ht="12.75" customHeight="1" x14ac:dyDescent="0.2">
      <c r="A17" s="186"/>
      <c r="B17" s="186"/>
      <c r="C17" s="186"/>
      <c r="D17" s="186"/>
      <c r="E17" s="186"/>
      <c r="F17" s="186"/>
      <c r="G17" s="186"/>
      <c r="H17" s="186"/>
      <c r="I17" s="186"/>
      <c r="J17" s="186"/>
      <c r="K17" s="186"/>
      <c r="L17" s="186"/>
      <c r="M17" s="186"/>
      <c r="N17" s="186"/>
      <c r="O17" s="186"/>
      <c r="Q17" s="14"/>
      <c r="S17" s="188"/>
      <c r="T17" s="188"/>
      <c r="U17" s="188"/>
      <c r="V17" s="188"/>
      <c r="W17" s="188"/>
      <c r="X17" s="188"/>
      <c r="Y17" s="188"/>
      <c r="Z17" s="188"/>
      <c r="AA17" s="188"/>
      <c r="AB17" s="188"/>
      <c r="AC17" s="188"/>
      <c r="AD17" s="188"/>
      <c r="AE17" s="188"/>
      <c r="AF17" s="188"/>
      <c r="AG17" s="188"/>
      <c r="AH17" s="188"/>
      <c r="AI17" s="188"/>
      <c r="AJ17" s="188"/>
      <c r="AK17" s="188"/>
      <c r="AL17" s="188"/>
      <c r="AM17" s="188"/>
      <c r="AN17" s="188"/>
      <c r="AO17" s="188"/>
    </row>
    <row r="18" spans="1:41" ht="12.75" customHeight="1" x14ac:dyDescent="0.2">
      <c r="A18" s="186"/>
      <c r="B18" s="186"/>
      <c r="C18" s="186"/>
      <c r="D18" s="186"/>
      <c r="E18" s="186"/>
      <c r="F18" s="186"/>
      <c r="G18" s="186"/>
      <c r="H18" s="186"/>
      <c r="I18" s="186"/>
      <c r="J18" s="186"/>
      <c r="K18" s="186"/>
      <c r="L18" s="186"/>
      <c r="M18" s="186"/>
      <c r="N18" s="186"/>
      <c r="O18" s="186"/>
      <c r="Q18" s="15"/>
      <c r="S18" s="188"/>
      <c r="T18" s="188"/>
      <c r="U18" s="188"/>
      <c r="V18" s="188"/>
      <c r="W18" s="188"/>
      <c r="X18" s="188"/>
      <c r="Y18" s="188"/>
      <c r="Z18" s="188"/>
      <c r="AA18" s="188"/>
      <c r="AB18" s="188"/>
      <c r="AC18" s="188"/>
      <c r="AD18" s="188"/>
      <c r="AE18" s="188"/>
      <c r="AF18" s="188"/>
      <c r="AG18" s="188"/>
      <c r="AH18" s="188"/>
      <c r="AI18" s="188"/>
      <c r="AJ18" s="188"/>
      <c r="AK18" s="188"/>
      <c r="AL18" s="188"/>
      <c r="AM18" s="188"/>
      <c r="AN18" s="188"/>
      <c r="AO18" s="188"/>
    </row>
    <row r="19" spans="1:41" ht="12.75" customHeight="1" x14ac:dyDescent="0.2">
      <c r="A19" s="186"/>
      <c r="B19" s="186"/>
      <c r="C19" s="186"/>
      <c r="D19" s="186"/>
      <c r="E19" s="186"/>
      <c r="F19" s="186"/>
      <c r="G19" s="186"/>
      <c r="H19" s="186"/>
      <c r="I19" s="186"/>
      <c r="J19" s="186"/>
      <c r="K19" s="186"/>
      <c r="L19" s="186"/>
      <c r="M19" s="186"/>
      <c r="N19" s="186"/>
      <c r="O19" s="186"/>
      <c r="Q19" s="15"/>
      <c r="S19" s="188"/>
      <c r="T19" s="188"/>
      <c r="U19" s="188"/>
      <c r="V19" s="188"/>
      <c r="W19" s="188"/>
      <c r="X19" s="188"/>
      <c r="Y19" s="188"/>
      <c r="Z19" s="188"/>
      <c r="AA19" s="188"/>
      <c r="AB19" s="188"/>
      <c r="AC19" s="188"/>
      <c r="AD19" s="188"/>
      <c r="AE19" s="188"/>
      <c r="AF19" s="188"/>
      <c r="AG19" s="188"/>
      <c r="AH19" s="188"/>
      <c r="AI19" s="188"/>
      <c r="AJ19" s="188"/>
      <c r="AK19" s="188"/>
      <c r="AL19" s="188"/>
      <c r="AM19" s="188"/>
      <c r="AN19" s="188"/>
      <c r="AO19" s="188"/>
    </row>
    <row r="20" spans="1:41" ht="12.75" customHeight="1" x14ac:dyDescent="0.2">
      <c r="A20" s="186"/>
      <c r="B20" s="186"/>
      <c r="C20" s="186"/>
      <c r="D20" s="186"/>
      <c r="E20" s="186"/>
      <c r="F20" s="186"/>
      <c r="G20" s="186"/>
      <c r="H20" s="186"/>
      <c r="I20" s="186"/>
      <c r="J20" s="186"/>
      <c r="K20" s="186"/>
      <c r="L20" s="186"/>
      <c r="M20" s="186"/>
      <c r="N20" s="186"/>
      <c r="O20" s="186"/>
      <c r="S20" s="188"/>
      <c r="T20" s="188"/>
      <c r="U20" s="188"/>
      <c r="V20" s="188"/>
      <c r="W20" s="188"/>
      <c r="X20" s="188"/>
      <c r="Y20" s="188"/>
      <c r="Z20" s="188"/>
      <c r="AA20" s="188"/>
      <c r="AB20" s="188"/>
      <c r="AC20" s="188"/>
      <c r="AD20" s="188"/>
      <c r="AE20" s="188"/>
      <c r="AF20" s="188"/>
      <c r="AG20" s="188"/>
      <c r="AH20" s="188"/>
      <c r="AI20" s="188"/>
      <c r="AJ20" s="188"/>
      <c r="AK20" s="188"/>
      <c r="AL20" s="188"/>
      <c r="AM20" s="188"/>
      <c r="AN20" s="188"/>
      <c r="AO20" s="188"/>
    </row>
    <row r="21" spans="1:41" ht="6" customHeight="1" x14ac:dyDescent="0.2">
      <c r="A21" s="186"/>
      <c r="B21" s="186"/>
      <c r="C21" s="186"/>
      <c r="D21" s="186"/>
      <c r="E21" s="186"/>
      <c r="F21" s="186"/>
      <c r="G21" s="186"/>
      <c r="H21" s="186"/>
      <c r="I21" s="186"/>
      <c r="J21" s="186"/>
      <c r="K21" s="186"/>
      <c r="L21" s="186"/>
      <c r="M21" s="186"/>
      <c r="N21" s="186"/>
      <c r="O21" s="186"/>
      <c r="S21" s="16"/>
      <c r="U21" s="16"/>
      <c r="V21" s="16"/>
      <c r="W21" s="16"/>
      <c r="X21" s="16"/>
      <c r="Y21" s="16"/>
      <c r="Z21" s="16"/>
      <c r="AA21" s="16"/>
      <c r="AB21" s="16"/>
      <c r="AC21" s="16"/>
      <c r="AD21" s="16"/>
      <c r="AE21" s="16"/>
      <c r="AF21" s="16"/>
      <c r="AG21" s="16"/>
      <c r="AH21" s="16"/>
      <c r="AI21" s="16"/>
      <c r="AJ21" s="16"/>
      <c r="AK21" s="16"/>
      <c r="AL21" s="16"/>
      <c r="AM21" s="16"/>
      <c r="AN21" s="16"/>
      <c r="AO21" s="16"/>
    </row>
    <row r="22" spans="1:41" ht="12.75" customHeight="1" x14ac:dyDescent="0.2">
      <c r="A22" s="186"/>
      <c r="B22" s="186"/>
      <c r="C22" s="186"/>
      <c r="D22" s="186"/>
      <c r="E22" s="186"/>
      <c r="F22" s="186"/>
      <c r="G22" s="186"/>
      <c r="H22" s="186"/>
      <c r="I22" s="186"/>
      <c r="J22" s="186"/>
      <c r="K22" s="186"/>
      <c r="L22" s="186"/>
      <c r="M22" s="186"/>
      <c r="N22" s="186"/>
      <c r="O22" s="186"/>
      <c r="Q22" s="9" t="s">
        <v>87</v>
      </c>
      <c r="S22" s="172" t="s">
        <v>88</v>
      </c>
      <c r="T22" s="172"/>
      <c r="U22" s="172"/>
      <c r="V22" s="172"/>
      <c r="W22" s="172"/>
      <c r="X22" s="172"/>
      <c r="Y22" s="172"/>
      <c r="Z22" s="172"/>
      <c r="AA22" s="172"/>
      <c r="AB22" s="172"/>
      <c r="AC22" s="172"/>
      <c r="AD22" s="172"/>
      <c r="AE22" s="172"/>
      <c r="AF22" s="172"/>
      <c r="AG22" s="172"/>
      <c r="AH22" s="172"/>
      <c r="AI22" s="172"/>
      <c r="AJ22" s="172"/>
      <c r="AK22" s="172"/>
      <c r="AL22" s="172"/>
      <c r="AM22" s="172"/>
      <c r="AN22" s="172"/>
      <c r="AO22" s="172"/>
    </row>
    <row r="23" spans="1:41" ht="12.75" customHeight="1" x14ac:dyDescent="0.2">
      <c r="A23" s="186"/>
      <c r="B23" s="186"/>
      <c r="C23" s="186"/>
      <c r="D23" s="186"/>
      <c r="E23" s="186"/>
      <c r="F23" s="186"/>
      <c r="G23" s="186"/>
      <c r="H23" s="186"/>
      <c r="I23" s="186"/>
      <c r="J23" s="186"/>
      <c r="K23" s="186"/>
      <c r="L23" s="186"/>
      <c r="M23" s="186"/>
      <c r="N23" s="186"/>
      <c r="O23" s="186"/>
      <c r="Q23" s="10"/>
      <c r="S23" s="172"/>
      <c r="T23" s="172"/>
      <c r="U23" s="172"/>
      <c r="V23" s="172"/>
      <c r="W23" s="172"/>
      <c r="X23" s="172"/>
      <c r="Y23" s="172"/>
      <c r="Z23" s="172"/>
      <c r="AA23" s="172"/>
      <c r="AB23" s="172"/>
      <c r="AC23" s="172"/>
      <c r="AD23" s="172"/>
      <c r="AE23" s="172"/>
      <c r="AF23" s="172"/>
      <c r="AG23" s="172"/>
      <c r="AH23" s="172"/>
      <c r="AI23" s="172"/>
      <c r="AJ23" s="172"/>
      <c r="AK23" s="172"/>
      <c r="AL23" s="172"/>
      <c r="AM23" s="172"/>
      <c r="AN23" s="172"/>
      <c r="AO23" s="172"/>
    </row>
    <row r="24" spans="1:41" ht="6" customHeight="1" x14ac:dyDescent="0.2">
      <c r="A24" s="186"/>
      <c r="B24" s="186"/>
      <c r="C24" s="186"/>
      <c r="D24" s="186"/>
      <c r="E24" s="186"/>
      <c r="F24" s="186"/>
      <c r="G24" s="186"/>
      <c r="H24" s="186"/>
      <c r="I24" s="186"/>
      <c r="J24" s="186"/>
      <c r="K24" s="186"/>
      <c r="L24" s="186"/>
      <c r="M24" s="186"/>
      <c r="N24" s="186"/>
      <c r="O24" s="186"/>
      <c r="P24" s="17"/>
      <c r="Q24" s="14"/>
      <c r="R24" s="17"/>
      <c r="S24" s="139"/>
      <c r="T24" s="139"/>
      <c r="U24" s="139"/>
      <c r="V24" s="139"/>
      <c r="W24" s="139"/>
      <c r="X24" s="139"/>
      <c r="Y24" s="139"/>
      <c r="Z24" s="139"/>
      <c r="AA24" s="139"/>
      <c r="AB24" s="139"/>
      <c r="AC24" s="139"/>
      <c r="AD24" s="139"/>
      <c r="AE24" s="139"/>
      <c r="AF24" s="139"/>
      <c r="AG24" s="139"/>
      <c r="AH24" s="139"/>
      <c r="AI24" s="139"/>
      <c r="AJ24" s="139"/>
      <c r="AK24" s="139"/>
      <c r="AL24" s="139"/>
      <c r="AM24" s="139"/>
      <c r="AN24" s="139"/>
      <c r="AO24" s="139"/>
    </row>
    <row r="25" spans="1:41" ht="13.5" customHeight="1" x14ac:dyDescent="0.2">
      <c r="A25" s="186"/>
      <c r="B25" s="186"/>
      <c r="C25" s="186"/>
      <c r="D25" s="186"/>
      <c r="E25" s="186"/>
      <c r="F25" s="186"/>
      <c r="G25" s="186"/>
      <c r="H25" s="186"/>
      <c r="I25" s="186"/>
      <c r="J25" s="186"/>
      <c r="K25" s="186"/>
      <c r="L25" s="186"/>
      <c r="M25" s="186"/>
      <c r="N25" s="186"/>
      <c r="O25" s="186"/>
      <c r="P25" s="17"/>
      <c r="Q25" s="9" t="s">
        <v>89</v>
      </c>
      <c r="S25" s="172" t="s">
        <v>184</v>
      </c>
      <c r="T25" s="172"/>
      <c r="U25" s="172"/>
      <c r="V25" s="172"/>
      <c r="W25" s="172"/>
      <c r="X25" s="172"/>
      <c r="Y25" s="172"/>
      <c r="Z25" s="172"/>
      <c r="AA25" s="172"/>
      <c r="AB25" s="172"/>
      <c r="AC25" s="172"/>
      <c r="AD25" s="172"/>
      <c r="AE25" s="172"/>
      <c r="AF25" s="172"/>
      <c r="AG25" s="172"/>
      <c r="AH25" s="172"/>
      <c r="AI25" s="172"/>
      <c r="AJ25" s="172"/>
      <c r="AK25" s="172"/>
      <c r="AL25" s="172"/>
      <c r="AM25" s="172"/>
      <c r="AN25" s="172"/>
      <c r="AO25" s="172"/>
    </row>
    <row r="26" spans="1:41" ht="12.75" customHeight="1" x14ac:dyDescent="0.2">
      <c r="A26" s="186"/>
      <c r="B26" s="186"/>
      <c r="C26" s="186"/>
      <c r="D26" s="186"/>
      <c r="E26" s="186"/>
      <c r="F26" s="186"/>
      <c r="G26" s="186"/>
      <c r="H26" s="186"/>
      <c r="I26" s="186"/>
      <c r="J26" s="186"/>
      <c r="K26" s="186"/>
      <c r="L26" s="186"/>
      <c r="M26" s="186"/>
      <c r="N26" s="186"/>
      <c r="O26" s="186"/>
      <c r="R26" s="10"/>
      <c r="S26" s="172"/>
      <c r="T26" s="172"/>
      <c r="U26" s="172"/>
      <c r="V26" s="172"/>
      <c r="W26" s="172"/>
      <c r="X26" s="172"/>
      <c r="Y26" s="172"/>
      <c r="Z26" s="172"/>
      <c r="AA26" s="172"/>
      <c r="AB26" s="172"/>
      <c r="AC26" s="172"/>
      <c r="AD26" s="172"/>
      <c r="AE26" s="172"/>
      <c r="AF26" s="172"/>
      <c r="AG26" s="172"/>
      <c r="AH26" s="172"/>
      <c r="AI26" s="172"/>
      <c r="AJ26" s="172"/>
      <c r="AK26" s="172"/>
      <c r="AL26" s="172"/>
      <c r="AM26" s="172"/>
      <c r="AN26" s="172"/>
      <c r="AO26" s="172"/>
    </row>
    <row r="27" spans="1:41" ht="12.75" customHeight="1" x14ac:dyDescent="0.2">
      <c r="A27" s="186"/>
      <c r="B27" s="186"/>
      <c r="C27" s="186"/>
      <c r="D27" s="186"/>
      <c r="E27" s="186"/>
      <c r="F27" s="186"/>
      <c r="G27" s="186"/>
      <c r="H27" s="186"/>
      <c r="I27" s="186"/>
      <c r="J27" s="186"/>
      <c r="K27" s="186"/>
      <c r="L27" s="186"/>
      <c r="M27" s="186"/>
      <c r="N27" s="186"/>
      <c r="O27" s="186"/>
      <c r="R27" s="10"/>
      <c r="S27" s="172"/>
      <c r="T27" s="172"/>
      <c r="U27" s="172"/>
      <c r="V27" s="172"/>
      <c r="W27" s="172"/>
      <c r="X27" s="172"/>
      <c r="Y27" s="172"/>
      <c r="Z27" s="172"/>
      <c r="AA27" s="172"/>
      <c r="AB27" s="172"/>
      <c r="AC27" s="172"/>
      <c r="AD27" s="172"/>
      <c r="AE27" s="172"/>
      <c r="AF27" s="172"/>
      <c r="AG27" s="172"/>
      <c r="AH27" s="172"/>
      <c r="AI27" s="172"/>
      <c r="AJ27" s="172"/>
      <c r="AK27" s="172"/>
      <c r="AL27" s="172"/>
      <c r="AM27" s="172"/>
      <c r="AN27" s="172"/>
      <c r="AO27" s="172"/>
    </row>
    <row r="28" spans="1:41" ht="12.75" customHeight="1" x14ac:dyDescent="0.2">
      <c r="A28" s="186"/>
      <c r="B28" s="186"/>
      <c r="C28" s="186"/>
      <c r="D28" s="186"/>
      <c r="E28" s="186"/>
      <c r="F28" s="186"/>
      <c r="G28" s="186"/>
      <c r="H28" s="186"/>
      <c r="I28" s="186"/>
      <c r="J28" s="186"/>
      <c r="K28" s="186"/>
      <c r="L28" s="186"/>
      <c r="M28" s="186"/>
      <c r="N28" s="186"/>
      <c r="O28" s="186"/>
      <c r="Q28" s="18"/>
      <c r="R28" s="10"/>
      <c r="S28" s="172"/>
      <c r="T28" s="172"/>
      <c r="U28" s="172"/>
      <c r="V28" s="172"/>
      <c r="W28" s="172"/>
      <c r="X28" s="172"/>
      <c r="Y28" s="172"/>
      <c r="Z28" s="172"/>
      <c r="AA28" s="172"/>
      <c r="AB28" s="172"/>
      <c r="AC28" s="172"/>
      <c r="AD28" s="172"/>
      <c r="AE28" s="172"/>
      <c r="AF28" s="172"/>
      <c r="AG28" s="172"/>
      <c r="AH28" s="172"/>
      <c r="AI28" s="172"/>
      <c r="AJ28" s="172"/>
      <c r="AK28" s="172"/>
      <c r="AL28" s="172"/>
      <c r="AM28" s="172"/>
      <c r="AN28" s="172"/>
      <c r="AO28" s="172"/>
    </row>
    <row r="29" spans="1:41" ht="12.75" customHeight="1" x14ac:dyDescent="0.2">
      <c r="A29" s="186"/>
      <c r="B29" s="186"/>
      <c r="C29" s="186"/>
      <c r="D29" s="186"/>
      <c r="E29" s="186"/>
      <c r="F29" s="186"/>
      <c r="G29" s="186"/>
      <c r="H29" s="186"/>
      <c r="I29" s="186"/>
      <c r="J29" s="186"/>
      <c r="K29" s="186"/>
      <c r="L29" s="186"/>
      <c r="M29" s="186"/>
      <c r="N29" s="186"/>
      <c r="O29" s="186"/>
      <c r="P29" s="18"/>
      <c r="Q29" s="18"/>
      <c r="R29" s="10"/>
      <c r="S29" s="172"/>
      <c r="T29" s="172"/>
      <c r="U29" s="172"/>
      <c r="V29" s="172"/>
      <c r="W29" s="172"/>
      <c r="X29" s="172"/>
      <c r="Y29" s="172"/>
      <c r="Z29" s="172"/>
      <c r="AA29" s="172"/>
      <c r="AB29" s="172"/>
      <c r="AC29" s="172"/>
      <c r="AD29" s="172"/>
      <c r="AE29" s="172"/>
      <c r="AF29" s="172"/>
      <c r="AG29" s="172"/>
      <c r="AH29" s="172"/>
      <c r="AI29" s="172"/>
      <c r="AJ29" s="172"/>
      <c r="AK29" s="172"/>
      <c r="AL29" s="172"/>
      <c r="AM29" s="172"/>
      <c r="AN29" s="172"/>
      <c r="AO29" s="172"/>
    </row>
    <row r="30" spans="1:41" ht="12.75" customHeight="1" x14ac:dyDescent="0.2">
      <c r="A30" s="186"/>
      <c r="B30" s="186"/>
      <c r="C30" s="186"/>
      <c r="D30" s="186"/>
      <c r="E30" s="186"/>
      <c r="F30" s="186"/>
      <c r="G30" s="186"/>
      <c r="H30" s="186"/>
      <c r="I30" s="186"/>
      <c r="J30" s="186"/>
      <c r="K30" s="186"/>
      <c r="L30" s="186"/>
      <c r="M30" s="186"/>
      <c r="N30" s="186"/>
      <c r="O30" s="186"/>
      <c r="P30" s="18"/>
      <c r="Q30" s="18"/>
      <c r="R30" s="10"/>
      <c r="S30" s="172"/>
      <c r="T30" s="172"/>
      <c r="U30" s="172"/>
      <c r="V30" s="172"/>
      <c r="W30" s="172"/>
      <c r="X30" s="172"/>
      <c r="Y30" s="172"/>
      <c r="Z30" s="172"/>
      <c r="AA30" s="172"/>
      <c r="AB30" s="172"/>
      <c r="AC30" s="172"/>
      <c r="AD30" s="172"/>
      <c r="AE30" s="172"/>
      <c r="AF30" s="172"/>
      <c r="AG30" s="172"/>
      <c r="AH30" s="172"/>
      <c r="AI30" s="172"/>
      <c r="AJ30" s="172"/>
      <c r="AK30" s="172"/>
      <c r="AL30" s="172"/>
      <c r="AM30" s="172"/>
      <c r="AN30" s="172"/>
      <c r="AO30" s="172"/>
    </row>
    <row r="31" spans="1:41" ht="12.75" customHeight="1" x14ac:dyDescent="0.2">
      <c r="A31" s="186"/>
      <c r="B31" s="186"/>
      <c r="C31" s="186"/>
      <c r="D31" s="186"/>
      <c r="E31" s="186"/>
      <c r="F31" s="186"/>
      <c r="G31" s="186"/>
      <c r="H31" s="186"/>
      <c r="I31" s="186"/>
      <c r="J31" s="186"/>
      <c r="K31" s="186"/>
      <c r="L31" s="186"/>
      <c r="M31" s="186"/>
      <c r="N31" s="186"/>
      <c r="O31" s="186"/>
      <c r="P31" s="18"/>
      <c r="Q31" s="18"/>
      <c r="R31" s="10"/>
      <c r="S31" s="172"/>
      <c r="T31" s="172"/>
      <c r="U31" s="172"/>
      <c r="V31" s="172"/>
      <c r="W31" s="172"/>
      <c r="X31" s="172"/>
      <c r="Y31" s="172"/>
      <c r="Z31" s="172"/>
      <c r="AA31" s="172"/>
      <c r="AB31" s="172"/>
      <c r="AC31" s="172"/>
      <c r="AD31" s="172"/>
      <c r="AE31" s="172"/>
      <c r="AF31" s="172"/>
      <c r="AG31" s="172"/>
      <c r="AH31" s="172"/>
      <c r="AI31" s="172"/>
      <c r="AJ31" s="172"/>
      <c r="AK31" s="172"/>
      <c r="AL31" s="172"/>
      <c r="AM31" s="172"/>
      <c r="AN31" s="172"/>
      <c r="AO31" s="172"/>
    </row>
    <row r="32" spans="1:41" ht="12.75" customHeight="1" x14ac:dyDescent="0.2">
      <c r="A32" s="186"/>
      <c r="B32" s="186"/>
      <c r="C32" s="186"/>
      <c r="D32" s="186"/>
      <c r="E32" s="186"/>
      <c r="F32" s="186"/>
      <c r="G32" s="186"/>
      <c r="H32" s="186"/>
      <c r="I32" s="186"/>
      <c r="J32" s="186"/>
      <c r="K32" s="186"/>
      <c r="L32" s="186"/>
      <c r="M32" s="186"/>
      <c r="N32" s="186"/>
      <c r="O32" s="186"/>
      <c r="P32" s="18"/>
      <c r="S32" s="12"/>
      <c r="T32" s="12"/>
      <c r="U32" s="12"/>
      <c r="V32" s="12"/>
      <c r="W32" s="12"/>
      <c r="X32" s="12"/>
      <c r="Y32" s="12"/>
      <c r="Z32" s="12"/>
      <c r="AA32" s="12"/>
      <c r="AB32" s="12"/>
      <c r="AC32" s="12"/>
      <c r="AD32" s="12"/>
      <c r="AE32" s="12"/>
      <c r="AF32" s="12"/>
      <c r="AG32" s="12"/>
      <c r="AH32" s="12"/>
      <c r="AI32" s="12"/>
      <c r="AJ32" s="12"/>
      <c r="AK32" s="12"/>
      <c r="AL32" s="12"/>
      <c r="AM32" s="12"/>
      <c r="AN32" s="12"/>
    </row>
    <row r="33" spans="1:41" ht="12.75" customHeight="1" x14ac:dyDescent="0.2">
      <c r="A33" s="186"/>
      <c r="B33" s="186"/>
      <c r="C33" s="186"/>
      <c r="D33" s="186"/>
      <c r="E33" s="186"/>
      <c r="F33" s="186"/>
      <c r="G33" s="186"/>
      <c r="H33" s="186"/>
      <c r="I33" s="186"/>
      <c r="J33" s="186"/>
      <c r="K33" s="186"/>
      <c r="L33" s="186"/>
      <c r="M33" s="186"/>
      <c r="N33" s="186"/>
      <c r="O33" s="186"/>
      <c r="P33" s="18"/>
      <c r="Q33" s="18"/>
      <c r="R33" s="18"/>
      <c r="S33" s="12"/>
      <c r="T33" s="12"/>
      <c r="U33" s="12"/>
      <c r="V33" s="12"/>
      <c r="W33" s="12"/>
      <c r="X33" s="12"/>
      <c r="Y33" s="12"/>
      <c r="Z33" s="12"/>
      <c r="AA33" s="12"/>
      <c r="AB33" s="12"/>
      <c r="AC33" s="12"/>
      <c r="AD33" s="12"/>
      <c r="AE33" s="12"/>
      <c r="AF33" s="12"/>
      <c r="AG33" s="12"/>
      <c r="AH33" s="12"/>
      <c r="AI33" s="12"/>
      <c r="AJ33" s="12"/>
      <c r="AK33" s="12"/>
      <c r="AL33" s="12"/>
      <c r="AM33" s="12"/>
      <c r="AN33" s="12"/>
      <c r="AO33" s="18"/>
    </row>
    <row r="34" spans="1:41" ht="12.75" customHeight="1" thickBot="1" x14ac:dyDescent="0.25">
      <c r="A34" s="16"/>
      <c r="B34" s="16"/>
      <c r="C34" s="16"/>
      <c r="D34" s="16"/>
      <c r="E34" s="16"/>
      <c r="F34" s="16"/>
      <c r="G34" s="16"/>
      <c r="H34" s="16"/>
      <c r="I34" s="16"/>
      <c r="J34" s="16"/>
      <c r="K34" s="16"/>
      <c r="L34" s="16"/>
      <c r="M34" s="16"/>
      <c r="N34" s="16"/>
      <c r="O34" s="16"/>
    </row>
    <row r="35" spans="1:41" customFormat="1" ht="12.75" customHeight="1" x14ac:dyDescent="0.2">
      <c r="A35" s="192" t="s">
        <v>0</v>
      </c>
      <c r="B35" s="193"/>
      <c r="C35" s="198" t="s">
        <v>1</v>
      </c>
      <c r="D35" s="199"/>
      <c r="E35" s="199"/>
      <c r="F35" s="200"/>
      <c r="G35" s="207"/>
      <c r="H35" s="208"/>
      <c r="I35" s="208"/>
      <c r="J35" s="208"/>
      <c r="K35" s="208"/>
      <c r="L35" s="208"/>
      <c r="M35" s="208"/>
      <c r="N35" s="208"/>
      <c r="O35" s="208"/>
      <c r="P35" s="208"/>
      <c r="Q35" s="208"/>
      <c r="R35" s="208"/>
      <c r="S35" s="208"/>
      <c r="T35" s="208"/>
      <c r="U35" s="208"/>
      <c r="V35" s="208"/>
      <c r="W35" s="208"/>
      <c r="X35" s="208"/>
      <c r="Y35" s="208"/>
      <c r="Z35" s="208"/>
      <c r="AA35" s="208"/>
      <c r="AB35" s="208"/>
      <c r="AC35" s="208"/>
      <c r="AD35" s="209"/>
      <c r="AE35" s="216" t="s">
        <v>2</v>
      </c>
      <c r="AF35" s="217"/>
      <c r="AG35" s="198" t="s">
        <v>63</v>
      </c>
      <c r="AH35" s="199"/>
      <c r="AI35" s="199"/>
      <c r="AJ35" s="199"/>
      <c r="AK35" s="199"/>
      <c r="AL35" s="199"/>
      <c r="AM35" s="199"/>
      <c r="AN35" s="199"/>
      <c r="AO35" s="222"/>
    </row>
    <row r="36" spans="1:41" customFormat="1" ht="12.75" customHeight="1" x14ac:dyDescent="0.2">
      <c r="A36" s="194"/>
      <c r="B36" s="195"/>
      <c r="C36" s="201"/>
      <c r="D36" s="202"/>
      <c r="E36" s="202"/>
      <c r="F36" s="203"/>
      <c r="G36" s="210"/>
      <c r="H36" s="211"/>
      <c r="I36" s="211"/>
      <c r="J36" s="211"/>
      <c r="K36" s="211"/>
      <c r="L36" s="211"/>
      <c r="M36" s="211"/>
      <c r="N36" s="211"/>
      <c r="O36" s="211"/>
      <c r="P36" s="211"/>
      <c r="Q36" s="211"/>
      <c r="R36" s="211"/>
      <c r="S36" s="211"/>
      <c r="T36" s="211"/>
      <c r="U36" s="211"/>
      <c r="V36" s="211"/>
      <c r="W36" s="211"/>
      <c r="X36" s="211"/>
      <c r="Y36" s="211"/>
      <c r="Z36" s="211"/>
      <c r="AA36" s="211"/>
      <c r="AB36" s="211"/>
      <c r="AC36" s="211"/>
      <c r="AD36" s="212"/>
      <c r="AE36" s="218"/>
      <c r="AF36" s="219"/>
      <c r="AG36" s="223" t="s">
        <v>179</v>
      </c>
      <c r="AH36" s="224"/>
      <c r="AI36" s="224"/>
      <c r="AJ36" s="224"/>
      <c r="AK36" s="224"/>
      <c r="AL36" s="224"/>
      <c r="AM36" s="224"/>
      <c r="AN36" s="224"/>
      <c r="AO36" s="225"/>
    </row>
    <row r="37" spans="1:41" customFormat="1" ht="12.75" customHeight="1" x14ac:dyDescent="0.2">
      <c r="A37" s="194"/>
      <c r="B37" s="195"/>
      <c r="C37" s="204"/>
      <c r="D37" s="205"/>
      <c r="E37" s="205"/>
      <c r="F37" s="206"/>
      <c r="G37" s="213"/>
      <c r="H37" s="214"/>
      <c r="I37" s="214"/>
      <c r="J37" s="214"/>
      <c r="K37" s="214"/>
      <c r="L37" s="214"/>
      <c r="M37" s="214"/>
      <c r="N37" s="214"/>
      <c r="O37" s="214"/>
      <c r="P37" s="214"/>
      <c r="Q37" s="214"/>
      <c r="R37" s="214"/>
      <c r="S37" s="214"/>
      <c r="T37" s="214"/>
      <c r="U37" s="214"/>
      <c r="V37" s="214"/>
      <c r="W37" s="214"/>
      <c r="X37" s="214"/>
      <c r="Y37" s="214"/>
      <c r="Z37" s="214"/>
      <c r="AA37" s="214"/>
      <c r="AB37" s="214"/>
      <c r="AC37" s="214"/>
      <c r="AD37" s="215"/>
      <c r="AE37" s="218"/>
      <c r="AF37" s="219"/>
      <c r="AG37" s="226"/>
      <c r="AH37" s="227"/>
      <c r="AI37" s="227"/>
      <c r="AJ37" s="227"/>
      <c r="AK37" s="227"/>
      <c r="AL37" s="227"/>
      <c r="AM37" s="227"/>
      <c r="AN37" s="227"/>
      <c r="AO37" s="228"/>
    </row>
    <row r="38" spans="1:41" customFormat="1" ht="18.75" customHeight="1" x14ac:dyDescent="0.2">
      <c r="A38" s="194"/>
      <c r="B38" s="195"/>
      <c r="C38" s="232" t="s">
        <v>3</v>
      </c>
      <c r="D38" s="233"/>
      <c r="E38" s="233"/>
      <c r="F38" s="234"/>
      <c r="G38" s="140" t="s">
        <v>135</v>
      </c>
      <c r="H38" s="174" t="s">
        <v>136</v>
      </c>
      <c r="I38" s="175"/>
      <c r="J38" s="175"/>
      <c r="K38" s="175"/>
      <c r="L38" s="175"/>
      <c r="M38" s="175"/>
      <c r="N38" s="175"/>
      <c r="O38" s="175"/>
      <c r="P38" s="175"/>
      <c r="Q38" s="175"/>
      <c r="R38" s="175"/>
      <c r="S38" s="175"/>
      <c r="T38" s="175"/>
      <c r="U38" s="175"/>
      <c r="V38" s="175"/>
      <c r="W38" s="175"/>
      <c r="X38" s="175"/>
      <c r="Y38" s="175"/>
      <c r="Z38" s="175"/>
      <c r="AA38" s="175"/>
      <c r="AB38" s="175"/>
      <c r="AC38" s="175"/>
      <c r="AD38" s="176"/>
      <c r="AE38" s="218"/>
      <c r="AF38" s="219"/>
      <c r="AG38" s="229"/>
      <c r="AH38" s="230"/>
      <c r="AI38" s="230"/>
      <c r="AJ38" s="230"/>
      <c r="AK38" s="230"/>
      <c r="AL38" s="230"/>
      <c r="AM38" s="230"/>
      <c r="AN38" s="230"/>
      <c r="AO38" s="231"/>
    </row>
    <row r="39" spans="1:41" customFormat="1" ht="12.75" customHeight="1" x14ac:dyDescent="0.2">
      <c r="A39" s="194"/>
      <c r="B39" s="195"/>
      <c r="C39" s="201"/>
      <c r="D39" s="202"/>
      <c r="E39" s="202"/>
      <c r="F39" s="203"/>
      <c r="G39" s="177"/>
      <c r="H39" s="178"/>
      <c r="I39" s="178"/>
      <c r="J39" s="178"/>
      <c r="K39" s="178"/>
      <c r="L39" s="178"/>
      <c r="M39" s="178"/>
      <c r="N39" s="178"/>
      <c r="O39" s="178"/>
      <c r="P39" s="178"/>
      <c r="Q39" s="178"/>
      <c r="R39" s="178"/>
      <c r="S39" s="178"/>
      <c r="T39" s="178"/>
      <c r="U39" s="178"/>
      <c r="V39" s="178"/>
      <c r="W39" s="178"/>
      <c r="X39" s="178"/>
      <c r="Y39" s="178"/>
      <c r="Z39" s="178"/>
      <c r="AA39" s="178"/>
      <c r="AB39" s="178"/>
      <c r="AC39" s="178"/>
      <c r="AD39" s="179"/>
      <c r="AE39" s="218"/>
      <c r="AF39" s="219"/>
      <c r="AG39" s="189" t="s">
        <v>90</v>
      </c>
      <c r="AH39" s="190"/>
      <c r="AI39" s="190"/>
      <c r="AJ39" s="190"/>
      <c r="AK39" s="190"/>
      <c r="AL39" s="190"/>
      <c r="AM39" s="190"/>
      <c r="AN39" s="190"/>
      <c r="AO39" s="191"/>
    </row>
    <row r="40" spans="1:41" customFormat="1" ht="12.75" customHeight="1" x14ac:dyDescent="0.2">
      <c r="A40" s="194"/>
      <c r="B40" s="195"/>
      <c r="C40" s="201"/>
      <c r="D40" s="202"/>
      <c r="E40" s="202"/>
      <c r="F40" s="203"/>
      <c r="G40" s="180"/>
      <c r="H40" s="178"/>
      <c r="I40" s="178"/>
      <c r="J40" s="178"/>
      <c r="K40" s="178"/>
      <c r="L40" s="178"/>
      <c r="M40" s="178"/>
      <c r="N40" s="178"/>
      <c r="O40" s="178"/>
      <c r="P40" s="178"/>
      <c r="Q40" s="178"/>
      <c r="R40" s="178"/>
      <c r="S40" s="178"/>
      <c r="T40" s="178"/>
      <c r="U40" s="178"/>
      <c r="V40" s="178"/>
      <c r="W40" s="178"/>
      <c r="X40" s="178"/>
      <c r="Y40" s="178"/>
      <c r="Z40" s="178"/>
      <c r="AA40" s="178"/>
      <c r="AB40" s="178"/>
      <c r="AC40" s="178"/>
      <c r="AD40" s="179"/>
      <c r="AE40" s="218"/>
      <c r="AF40" s="219"/>
      <c r="AG40" s="189"/>
      <c r="AH40" s="190"/>
      <c r="AI40" s="190"/>
      <c r="AJ40" s="190"/>
      <c r="AK40" s="190"/>
      <c r="AL40" s="190"/>
      <c r="AM40" s="190"/>
      <c r="AN40" s="190"/>
      <c r="AO40" s="191"/>
    </row>
    <row r="41" spans="1:41" customFormat="1" ht="12.75" customHeight="1" x14ac:dyDescent="0.2">
      <c r="A41" s="194"/>
      <c r="B41" s="195"/>
      <c r="C41" s="204"/>
      <c r="D41" s="205"/>
      <c r="E41" s="205"/>
      <c r="F41" s="206"/>
      <c r="G41" s="181"/>
      <c r="H41" s="182"/>
      <c r="I41" s="182"/>
      <c r="J41" s="182"/>
      <c r="K41" s="182"/>
      <c r="L41" s="182"/>
      <c r="M41" s="182"/>
      <c r="N41" s="182"/>
      <c r="O41" s="182"/>
      <c r="P41" s="182"/>
      <c r="Q41" s="182"/>
      <c r="R41" s="182"/>
      <c r="S41" s="182"/>
      <c r="T41" s="182"/>
      <c r="U41" s="182"/>
      <c r="V41" s="182"/>
      <c r="W41" s="182"/>
      <c r="X41" s="182"/>
      <c r="Y41" s="182"/>
      <c r="Z41" s="182"/>
      <c r="AA41" s="182"/>
      <c r="AB41" s="182"/>
      <c r="AC41" s="182"/>
      <c r="AD41" s="183"/>
      <c r="AE41" s="218"/>
      <c r="AF41" s="219"/>
      <c r="AG41" s="189"/>
      <c r="AH41" s="190"/>
      <c r="AI41" s="190"/>
      <c r="AJ41" s="190"/>
      <c r="AK41" s="190"/>
      <c r="AL41" s="190"/>
      <c r="AM41" s="190"/>
      <c r="AN41" s="190"/>
      <c r="AO41" s="191"/>
    </row>
    <row r="42" spans="1:41" customFormat="1" ht="12.75" customHeight="1" x14ac:dyDescent="0.2">
      <c r="A42" s="194"/>
      <c r="B42" s="195"/>
      <c r="C42" s="232" t="s">
        <v>138</v>
      </c>
      <c r="D42" s="233"/>
      <c r="E42" s="233"/>
      <c r="F42" s="234"/>
      <c r="G42" s="334"/>
      <c r="H42" s="335"/>
      <c r="I42" s="335"/>
      <c r="J42" s="335"/>
      <c r="K42" s="335"/>
      <c r="L42" s="335"/>
      <c r="M42" s="335"/>
      <c r="N42" s="335"/>
      <c r="O42" s="336"/>
      <c r="P42" s="235" t="s">
        <v>139</v>
      </c>
      <c r="Q42" s="235"/>
      <c r="R42" s="235"/>
      <c r="S42" s="235"/>
      <c r="T42" s="354"/>
      <c r="U42" s="354"/>
      <c r="V42" s="354"/>
      <c r="W42" s="354"/>
      <c r="X42" s="354"/>
      <c r="Y42" s="354"/>
      <c r="Z42" s="354"/>
      <c r="AA42" s="354"/>
      <c r="AB42" s="354"/>
      <c r="AC42" s="354"/>
      <c r="AD42" s="355"/>
      <c r="AE42" s="218"/>
      <c r="AF42" s="219"/>
      <c r="AG42" s="356"/>
      <c r="AH42" s="357"/>
      <c r="AI42" s="357"/>
      <c r="AJ42" s="357"/>
      <c r="AK42" s="357"/>
      <c r="AL42" s="357"/>
      <c r="AM42" s="357"/>
      <c r="AN42" s="357"/>
      <c r="AO42" s="358"/>
    </row>
    <row r="43" spans="1:41" customFormat="1" ht="12.75" customHeight="1" x14ac:dyDescent="0.2">
      <c r="A43" s="194"/>
      <c r="B43" s="195"/>
      <c r="C43" s="201"/>
      <c r="D43" s="202"/>
      <c r="E43" s="202"/>
      <c r="F43" s="203"/>
      <c r="G43" s="337"/>
      <c r="H43" s="338"/>
      <c r="I43" s="338"/>
      <c r="J43" s="338"/>
      <c r="K43" s="338"/>
      <c r="L43" s="338"/>
      <c r="M43" s="338"/>
      <c r="N43" s="338"/>
      <c r="O43" s="339"/>
      <c r="P43" s="235"/>
      <c r="Q43" s="235"/>
      <c r="R43" s="235"/>
      <c r="S43" s="235"/>
      <c r="T43" s="354"/>
      <c r="U43" s="354"/>
      <c r="V43" s="354"/>
      <c r="W43" s="354"/>
      <c r="X43" s="354"/>
      <c r="Y43" s="354"/>
      <c r="Z43" s="354"/>
      <c r="AA43" s="354"/>
      <c r="AB43" s="354"/>
      <c r="AC43" s="354"/>
      <c r="AD43" s="355"/>
      <c r="AE43" s="218"/>
      <c r="AF43" s="219"/>
      <c r="AG43" s="359"/>
      <c r="AH43" s="360"/>
      <c r="AI43" s="360"/>
      <c r="AJ43" s="360"/>
      <c r="AK43" s="360"/>
      <c r="AL43" s="360"/>
      <c r="AM43" s="360"/>
      <c r="AN43" s="360"/>
      <c r="AO43" s="361"/>
    </row>
    <row r="44" spans="1:41" customFormat="1" ht="12.75" customHeight="1" x14ac:dyDescent="0.2">
      <c r="A44" s="194"/>
      <c r="B44" s="195"/>
      <c r="C44" s="328"/>
      <c r="D44" s="329"/>
      <c r="E44" s="329"/>
      <c r="F44" s="330"/>
      <c r="G44" s="340"/>
      <c r="H44" s="329"/>
      <c r="I44" s="329"/>
      <c r="J44" s="329"/>
      <c r="K44" s="329"/>
      <c r="L44" s="329"/>
      <c r="M44" s="329"/>
      <c r="N44" s="329"/>
      <c r="O44" s="330"/>
      <c r="P44" s="291" t="s">
        <v>4</v>
      </c>
      <c r="Q44" s="233"/>
      <c r="R44" s="233"/>
      <c r="S44" s="234"/>
      <c r="T44" s="345" t="s">
        <v>137</v>
      </c>
      <c r="U44" s="346"/>
      <c r="V44" s="346"/>
      <c r="W44" s="346"/>
      <c r="X44" s="346"/>
      <c r="Y44" s="346"/>
      <c r="Z44" s="346"/>
      <c r="AA44" s="346"/>
      <c r="AB44" s="346"/>
      <c r="AC44" s="346"/>
      <c r="AD44" s="347"/>
      <c r="AE44" s="218"/>
      <c r="AF44" s="219"/>
      <c r="AG44" s="359"/>
      <c r="AH44" s="360"/>
      <c r="AI44" s="360"/>
      <c r="AJ44" s="360"/>
      <c r="AK44" s="360"/>
      <c r="AL44" s="360"/>
      <c r="AM44" s="360"/>
      <c r="AN44" s="360"/>
      <c r="AO44" s="361"/>
    </row>
    <row r="45" spans="1:41" customFormat="1" ht="12.75" customHeight="1" thickBot="1" x14ac:dyDescent="0.25">
      <c r="A45" s="196"/>
      <c r="B45" s="197"/>
      <c r="C45" s="331"/>
      <c r="D45" s="332"/>
      <c r="E45" s="332"/>
      <c r="F45" s="333"/>
      <c r="G45" s="341"/>
      <c r="H45" s="332"/>
      <c r="I45" s="332"/>
      <c r="J45" s="332"/>
      <c r="K45" s="332"/>
      <c r="L45" s="332"/>
      <c r="M45" s="332"/>
      <c r="N45" s="332"/>
      <c r="O45" s="333"/>
      <c r="P45" s="342"/>
      <c r="Q45" s="343"/>
      <c r="R45" s="343"/>
      <c r="S45" s="344"/>
      <c r="T45" s="348"/>
      <c r="U45" s="349"/>
      <c r="V45" s="349"/>
      <c r="W45" s="349"/>
      <c r="X45" s="349"/>
      <c r="Y45" s="349"/>
      <c r="Z45" s="349"/>
      <c r="AA45" s="349"/>
      <c r="AB45" s="349"/>
      <c r="AC45" s="349"/>
      <c r="AD45" s="350"/>
      <c r="AE45" s="220"/>
      <c r="AF45" s="221"/>
      <c r="AG45" s="362"/>
      <c r="AH45" s="363"/>
      <c r="AI45" s="363"/>
      <c r="AJ45" s="363"/>
      <c r="AK45" s="363"/>
      <c r="AL45" s="363"/>
      <c r="AM45" s="363"/>
      <c r="AN45" s="363"/>
      <c r="AO45" s="364"/>
    </row>
    <row r="46" spans="1:41" ht="21.75" customHeight="1" x14ac:dyDescent="0.2"/>
    <row r="47" spans="1:41" ht="16.5" customHeight="1" x14ac:dyDescent="0.2">
      <c r="A47" s="236" t="s">
        <v>5</v>
      </c>
      <c r="B47" s="256"/>
      <c r="C47" s="351" t="s">
        <v>67</v>
      </c>
      <c r="D47" s="292"/>
      <c r="E47" s="292"/>
      <c r="F47" s="292"/>
      <c r="G47" s="292"/>
      <c r="H47" s="292"/>
      <c r="I47" s="292"/>
      <c r="J47" s="292"/>
      <c r="K47" s="292"/>
      <c r="L47" s="292"/>
      <c r="M47" s="292"/>
      <c r="N47" s="352"/>
      <c r="O47" s="301" t="s">
        <v>224</v>
      </c>
      <c r="P47" s="302"/>
      <c r="Q47" s="302"/>
      <c r="R47" s="302"/>
      <c r="S47" s="302"/>
      <c r="T47" s="302"/>
      <c r="U47" s="302"/>
      <c r="V47" s="302"/>
      <c r="W47" s="302"/>
      <c r="X47" s="302"/>
      <c r="Y47" s="302"/>
      <c r="Z47" s="302"/>
      <c r="AA47" s="302"/>
      <c r="AB47" s="303"/>
      <c r="AC47" s="291" t="s">
        <v>72</v>
      </c>
      <c r="AD47" s="302"/>
      <c r="AE47" s="302"/>
      <c r="AF47" s="302"/>
      <c r="AG47" s="302"/>
      <c r="AH47" s="302"/>
      <c r="AI47" s="302"/>
      <c r="AJ47" s="302"/>
      <c r="AK47" s="302"/>
      <c r="AL47" s="302"/>
      <c r="AM47" s="302"/>
      <c r="AN47" s="302"/>
      <c r="AO47" s="303"/>
    </row>
    <row r="48" spans="1:41" ht="16.5" customHeight="1" thickBot="1" x14ac:dyDescent="0.25">
      <c r="A48" s="238"/>
      <c r="B48" s="257"/>
      <c r="C48" s="297"/>
      <c r="D48" s="297"/>
      <c r="E48" s="297"/>
      <c r="F48" s="297"/>
      <c r="G48" s="297"/>
      <c r="H48" s="297"/>
      <c r="I48" s="297"/>
      <c r="J48" s="297"/>
      <c r="K48" s="297"/>
      <c r="L48" s="297"/>
      <c r="M48" s="297"/>
      <c r="N48" s="353"/>
      <c r="O48" s="304"/>
      <c r="P48" s="305"/>
      <c r="Q48" s="305"/>
      <c r="R48" s="305"/>
      <c r="S48" s="305"/>
      <c r="T48" s="305"/>
      <c r="U48" s="305"/>
      <c r="V48" s="305"/>
      <c r="W48" s="305"/>
      <c r="X48" s="305"/>
      <c r="Y48" s="305"/>
      <c r="Z48" s="305"/>
      <c r="AA48" s="305"/>
      <c r="AB48" s="306"/>
      <c r="AC48" s="307"/>
      <c r="AD48" s="308"/>
      <c r="AE48" s="308"/>
      <c r="AF48" s="308"/>
      <c r="AG48" s="308"/>
      <c r="AH48" s="308"/>
      <c r="AI48" s="308"/>
      <c r="AJ48" s="308"/>
      <c r="AK48" s="308"/>
      <c r="AL48" s="308"/>
      <c r="AM48" s="308"/>
      <c r="AN48" s="308"/>
      <c r="AO48" s="309"/>
    </row>
    <row r="49" spans="1:41" ht="15.75" customHeight="1" x14ac:dyDescent="0.2">
      <c r="A49" s="238"/>
      <c r="B49" s="257"/>
      <c r="C49" s="310" t="s">
        <v>222</v>
      </c>
      <c r="D49" s="311"/>
      <c r="E49" s="311"/>
      <c r="F49" s="311"/>
      <c r="G49" s="311"/>
      <c r="H49" s="311"/>
      <c r="I49" s="311"/>
      <c r="J49" s="311"/>
      <c r="K49" s="311"/>
      <c r="L49" s="311"/>
      <c r="M49" s="311"/>
      <c r="N49" s="312"/>
      <c r="O49" s="111"/>
      <c r="P49" s="107"/>
      <c r="Q49" s="107"/>
      <c r="R49" s="107"/>
      <c r="S49" s="107"/>
      <c r="T49" s="108"/>
      <c r="U49" s="108"/>
      <c r="V49" s="108"/>
      <c r="W49" s="108"/>
      <c r="X49" s="106"/>
      <c r="Y49" s="106"/>
      <c r="Z49" s="106"/>
      <c r="AA49" s="106"/>
      <c r="AB49" s="106"/>
      <c r="AC49" s="316" t="s">
        <v>73</v>
      </c>
      <c r="AD49" s="317"/>
      <c r="AE49" s="317"/>
      <c r="AF49" s="317"/>
      <c r="AG49" s="317"/>
      <c r="AH49" s="317"/>
      <c r="AI49" s="317"/>
      <c r="AJ49" s="317"/>
      <c r="AK49" s="317"/>
      <c r="AL49" s="317"/>
      <c r="AM49" s="317"/>
      <c r="AN49" s="317"/>
      <c r="AO49" s="318"/>
    </row>
    <row r="50" spans="1:41" ht="15.75" customHeight="1" x14ac:dyDescent="0.2">
      <c r="A50" s="238"/>
      <c r="B50" s="257"/>
      <c r="C50" s="313"/>
      <c r="D50" s="314"/>
      <c r="E50" s="314"/>
      <c r="F50" s="314"/>
      <c r="G50" s="314"/>
      <c r="H50" s="314"/>
      <c r="I50" s="314"/>
      <c r="J50" s="314"/>
      <c r="K50" s="314"/>
      <c r="L50" s="314"/>
      <c r="M50" s="314"/>
      <c r="N50" s="315"/>
      <c r="O50" s="110" t="s">
        <v>68</v>
      </c>
      <c r="P50" s="107"/>
      <c r="Q50" s="107"/>
      <c r="R50" s="107"/>
      <c r="S50" s="107"/>
      <c r="T50" s="108"/>
      <c r="U50" s="108"/>
      <c r="V50" s="108"/>
      <c r="W50" s="108"/>
      <c r="X50" s="106"/>
      <c r="Y50" s="106"/>
      <c r="Z50" s="106"/>
      <c r="AA50" s="106"/>
      <c r="AB50" s="106"/>
      <c r="AC50" s="319"/>
      <c r="AD50" s="320"/>
      <c r="AE50" s="320"/>
      <c r="AF50" s="320"/>
      <c r="AG50" s="320"/>
      <c r="AH50" s="320"/>
      <c r="AI50" s="320"/>
      <c r="AJ50" s="320"/>
      <c r="AK50" s="320"/>
      <c r="AL50" s="320"/>
      <c r="AM50" s="320"/>
      <c r="AN50" s="320"/>
      <c r="AO50" s="321"/>
    </row>
    <row r="51" spans="1:41" ht="15.75" customHeight="1" x14ac:dyDescent="0.2">
      <c r="A51" s="238"/>
      <c r="B51" s="257"/>
      <c r="C51" s="313"/>
      <c r="D51" s="314"/>
      <c r="E51" s="314"/>
      <c r="F51" s="314"/>
      <c r="G51" s="314"/>
      <c r="H51" s="314"/>
      <c r="I51" s="314"/>
      <c r="J51" s="314"/>
      <c r="K51" s="314"/>
      <c r="L51" s="314"/>
      <c r="M51" s="314"/>
      <c r="N51" s="315"/>
      <c r="O51" s="110" t="s">
        <v>181</v>
      </c>
      <c r="P51" s="107"/>
      <c r="Q51" s="107"/>
      <c r="R51" s="107"/>
      <c r="S51" s="107"/>
      <c r="T51" s="108"/>
      <c r="U51" s="108"/>
      <c r="V51" s="108"/>
      <c r="W51" s="108"/>
      <c r="X51" s="106"/>
      <c r="Y51" s="106"/>
      <c r="Z51" s="106"/>
      <c r="AA51" s="106"/>
      <c r="AB51" s="106"/>
      <c r="AC51" s="124"/>
      <c r="AD51" s="112"/>
      <c r="AE51" s="107"/>
      <c r="AF51" s="107"/>
      <c r="AG51" s="107"/>
      <c r="AH51" s="107"/>
      <c r="AI51" s="107"/>
      <c r="AJ51" s="107"/>
      <c r="AK51" s="108"/>
      <c r="AL51" s="108"/>
      <c r="AM51" s="108"/>
      <c r="AN51" s="108"/>
      <c r="AO51" s="125"/>
    </row>
    <row r="52" spans="1:41" ht="15.75" customHeight="1" x14ac:dyDescent="0.2">
      <c r="A52" s="238"/>
      <c r="B52" s="257"/>
      <c r="C52" s="313"/>
      <c r="D52" s="314"/>
      <c r="E52" s="314"/>
      <c r="F52" s="314"/>
      <c r="G52" s="314"/>
      <c r="H52" s="314"/>
      <c r="I52" s="314"/>
      <c r="J52" s="314"/>
      <c r="K52" s="314"/>
      <c r="L52" s="314"/>
      <c r="M52" s="314"/>
      <c r="N52" s="315"/>
      <c r="O52" s="110" t="s">
        <v>69</v>
      </c>
      <c r="P52" s="107"/>
      <c r="Q52" s="107"/>
      <c r="R52" s="107"/>
      <c r="S52" s="107"/>
      <c r="T52" s="108"/>
      <c r="U52" s="108"/>
      <c r="V52" s="108"/>
      <c r="W52" s="108"/>
      <c r="X52" s="106"/>
      <c r="Y52" s="106"/>
      <c r="Z52" s="106"/>
      <c r="AA52" s="106"/>
      <c r="AB52" s="106"/>
      <c r="AC52" s="124"/>
      <c r="AD52" s="112" t="s">
        <v>74</v>
      </c>
      <c r="AE52" s="107"/>
      <c r="AF52" s="107"/>
      <c r="AG52" s="107"/>
      <c r="AH52" s="107"/>
      <c r="AI52" s="107"/>
      <c r="AJ52" s="107"/>
      <c r="AK52" s="108"/>
      <c r="AL52" s="108"/>
      <c r="AM52" s="108"/>
      <c r="AN52" s="108"/>
      <c r="AO52" s="125"/>
    </row>
    <row r="53" spans="1:41" ht="15.75" customHeight="1" thickBot="1" x14ac:dyDescent="0.25">
      <c r="A53" s="238"/>
      <c r="B53" s="257"/>
      <c r="C53" s="313"/>
      <c r="D53" s="314"/>
      <c r="E53" s="314"/>
      <c r="F53" s="314"/>
      <c r="G53" s="314"/>
      <c r="H53" s="314"/>
      <c r="I53" s="314"/>
      <c r="J53" s="314"/>
      <c r="K53" s="314"/>
      <c r="L53" s="314"/>
      <c r="M53" s="314"/>
      <c r="N53" s="315"/>
      <c r="O53" s="109"/>
      <c r="P53" s="107"/>
      <c r="Q53" s="107"/>
      <c r="R53" s="107"/>
      <c r="S53" s="107"/>
      <c r="T53" s="108"/>
      <c r="U53" s="108"/>
      <c r="V53" s="108"/>
      <c r="W53" s="108"/>
      <c r="X53" s="106"/>
      <c r="Y53" s="106"/>
      <c r="Z53" s="106"/>
      <c r="AA53" s="106"/>
      <c r="AB53" s="106"/>
      <c r="AC53" s="124"/>
      <c r="AD53" s="112" t="s">
        <v>75</v>
      </c>
      <c r="AE53" s="107"/>
      <c r="AF53" s="107"/>
      <c r="AG53" s="107"/>
      <c r="AH53" s="107"/>
      <c r="AI53" s="107"/>
      <c r="AJ53" s="107"/>
      <c r="AK53" s="108"/>
      <c r="AL53" s="108"/>
      <c r="AM53" s="108"/>
      <c r="AN53" s="108"/>
      <c r="AO53" s="125"/>
    </row>
    <row r="54" spans="1:41" ht="12.75" customHeight="1" x14ac:dyDescent="0.2">
      <c r="A54" s="258"/>
      <c r="B54" s="259"/>
      <c r="C54" s="291" t="s">
        <v>223</v>
      </c>
      <c r="D54" s="292"/>
      <c r="E54" s="292"/>
      <c r="F54" s="292"/>
      <c r="G54" s="293"/>
      <c r="H54" s="299"/>
      <c r="I54" s="271"/>
      <c r="J54" s="271"/>
      <c r="K54" s="271"/>
      <c r="L54" s="273"/>
      <c r="M54" s="282" t="s">
        <v>70</v>
      </c>
      <c r="N54" s="283"/>
      <c r="O54" s="287"/>
      <c r="P54" s="253"/>
      <c r="Q54" s="253"/>
      <c r="R54" s="253"/>
      <c r="S54" s="253"/>
      <c r="T54" s="253"/>
      <c r="U54" s="253"/>
      <c r="V54" s="253"/>
      <c r="W54" s="253"/>
      <c r="X54" s="273"/>
      <c r="Y54" s="276" t="s">
        <v>71</v>
      </c>
      <c r="Z54" s="277"/>
      <c r="AA54" s="277"/>
      <c r="AB54" s="277"/>
      <c r="AC54" s="126"/>
      <c r="AD54" s="112" t="s">
        <v>76</v>
      </c>
      <c r="AE54" s="107"/>
      <c r="AF54" s="107"/>
      <c r="AG54" s="107"/>
      <c r="AH54" s="107"/>
      <c r="AI54" s="107"/>
      <c r="AJ54" s="107"/>
      <c r="AK54" s="108"/>
      <c r="AL54" s="108"/>
      <c r="AM54" s="108"/>
      <c r="AN54" s="108"/>
      <c r="AO54" s="127"/>
    </row>
    <row r="55" spans="1:41" ht="12.75" customHeight="1" x14ac:dyDescent="0.2">
      <c r="A55" s="258"/>
      <c r="B55" s="259"/>
      <c r="C55" s="290"/>
      <c r="D55" s="294"/>
      <c r="E55" s="294"/>
      <c r="F55" s="294"/>
      <c r="G55" s="295"/>
      <c r="H55" s="300"/>
      <c r="I55" s="272"/>
      <c r="J55" s="272"/>
      <c r="K55" s="272"/>
      <c r="L55" s="274"/>
      <c r="M55" s="284"/>
      <c r="N55" s="285"/>
      <c r="O55" s="288"/>
      <c r="P55" s="254"/>
      <c r="Q55" s="254"/>
      <c r="R55" s="254"/>
      <c r="S55" s="254"/>
      <c r="T55" s="254"/>
      <c r="U55" s="254"/>
      <c r="V55" s="254"/>
      <c r="W55" s="254"/>
      <c r="X55" s="274"/>
      <c r="Y55" s="278"/>
      <c r="Z55" s="279"/>
      <c r="AA55" s="279"/>
      <c r="AB55" s="279"/>
      <c r="AC55" s="128"/>
      <c r="AD55" s="112" t="s">
        <v>77</v>
      </c>
      <c r="AE55" s="19"/>
      <c r="AF55" s="19"/>
      <c r="AG55" s="19"/>
      <c r="AH55" s="19"/>
      <c r="AI55" s="19"/>
      <c r="AJ55" s="19"/>
      <c r="AK55" s="3"/>
      <c r="AL55" s="3"/>
      <c r="AM55" s="3"/>
      <c r="AN55" s="3"/>
      <c r="AO55" s="127"/>
    </row>
    <row r="56" spans="1:41" ht="21.75" customHeight="1" thickBot="1" x14ac:dyDescent="0.25">
      <c r="A56" s="260"/>
      <c r="B56" s="261"/>
      <c r="C56" s="296"/>
      <c r="D56" s="297"/>
      <c r="E56" s="297"/>
      <c r="F56" s="297"/>
      <c r="G56" s="298"/>
      <c r="H56" s="289"/>
      <c r="I56" s="255"/>
      <c r="J56" s="255"/>
      <c r="K56" s="255"/>
      <c r="L56" s="275"/>
      <c r="M56" s="286"/>
      <c r="N56" s="286"/>
      <c r="O56" s="289"/>
      <c r="P56" s="255"/>
      <c r="Q56" s="255"/>
      <c r="R56" s="255"/>
      <c r="S56" s="255"/>
      <c r="T56" s="255"/>
      <c r="U56" s="255"/>
      <c r="V56" s="255"/>
      <c r="W56" s="255"/>
      <c r="X56" s="275"/>
      <c r="Y56" s="280"/>
      <c r="Z56" s="281"/>
      <c r="AA56" s="281"/>
      <c r="AB56" s="281"/>
      <c r="AC56" s="129"/>
      <c r="AD56" s="130" t="s">
        <v>91</v>
      </c>
      <c r="AE56" s="149"/>
      <c r="AF56" s="150"/>
      <c r="AG56" s="150"/>
      <c r="AH56" s="150"/>
      <c r="AI56" s="150"/>
      <c r="AJ56" s="150"/>
      <c r="AK56" s="150"/>
      <c r="AL56" s="150"/>
      <c r="AM56" s="150"/>
      <c r="AN56" s="150"/>
      <c r="AO56" s="131" t="s">
        <v>141</v>
      </c>
    </row>
    <row r="57" spans="1:41" ht="12.75" customHeight="1" thickBot="1" x14ac:dyDescent="0.25">
      <c r="A57" s="87"/>
      <c r="B57" s="87"/>
      <c r="C57" s="5"/>
      <c r="D57" s="5"/>
      <c r="E57" s="5"/>
      <c r="F57" s="5"/>
      <c r="G57" s="5"/>
      <c r="H57" s="5"/>
      <c r="I57" s="5"/>
      <c r="J57" s="5"/>
      <c r="K57" s="5"/>
      <c r="L57" s="3"/>
      <c r="M57" s="3"/>
      <c r="N57" s="3"/>
      <c r="O57" s="3"/>
      <c r="P57" s="3"/>
      <c r="Q57" s="3"/>
      <c r="R57" s="3"/>
      <c r="S57" s="3"/>
      <c r="T57" s="19"/>
      <c r="U57" s="19"/>
      <c r="V57" s="19"/>
      <c r="W57" s="19"/>
      <c r="X57" s="5"/>
      <c r="Y57" s="5"/>
      <c r="Z57" s="5"/>
      <c r="AA57" s="5"/>
      <c r="AB57" s="5"/>
      <c r="AC57" s="3"/>
      <c r="AD57" s="3"/>
      <c r="AE57" s="3"/>
      <c r="AF57" s="3"/>
      <c r="AG57" s="3"/>
      <c r="AH57" s="3"/>
      <c r="AI57" s="3"/>
      <c r="AJ57" s="3"/>
      <c r="AK57" s="19"/>
      <c r="AL57" s="19"/>
      <c r="AM57" s="19"/>
      <c r="AN57" s="19"/>
      <c r="AO57" s="19"/>
    </row>
    <row r="58" spans="1:41" ht="16.5" customHeight="1" x14ac:dyDescent="0.2">
      <c r="A58" s="236" t="s">
        <v>79</v>
      </c>
      <c r="B58" s="237"/>
      <c r="C58" s="322" t="s">
        <v>225</v>
      </c>
      <c r="D58" s="323"/>
      <c r="E58" s="323"/>
      <c r="F58" s="323"/>
      <c r="G58" s="323"/>
      <c r="H58" s="323"/>
      <c r="I58" s="323"/>
      <c r="J58" s="323"/>
      <c r="K58" s="323"/>
      <c r="L58" s="323"/>
      <c r="M58" s="323"/>
      <c r="N58" s="323"/>
      <c r="O58" s="324"/>
      <c r="P58" s="3"/>
      <c r="Q58" s="3"/>
      <c r="R58" s="3"/>
      <c r="S58" s="3"/>
      <c r="T58" s="19"/>
      <c r="U58" s="19"/>
      <c r="V58" s="19"/>
      <c r="W58" s="19"/>
      <c r="X58" s="86"/>
      <c r="Y58" s="86"/>
      <c r="Z58" s="86"/>
      <c r="AA58" s="86"/>
      <c r="AB58" s="86"/>
      <c r="AC58" s="3"/>
      <c r="AD58" s="3"/>
      <c r="AE58" s="3"/>
      <c r="AF58" s="3"/>
      <c r="AG58" s="3"/>
      <c r="AH58" s="3"/>
      <c r="AI58" s="3"/>
      <c r="AJ58" s="3"/>
      <c r="AK58" s="19"/>
      <c r="AL58" s="19"/>
      <c r="AM58" s="19"/>
      <c r="AN58" s="19"/>
      <c r="AO58" s="19"/>
    </row>
    <row r="59" spans="1:41" ht="16.5" customHeight="1" x14ac:dyDescent="0.2">
      <c r="A59" s="238"/>
      <c r="B59" s="239"/>
      <c r="C59" s="325"/>
      <c r="D59" s="326"/>
      <c r="E59" s="326"/>
      <c r="F59" s="326"/>
      <c r="G59" s="326"/>
      <c r="H59" s="326"/>
      <c r="I59" s="326"/>
      <c r="J59" s="326"/>
      <c r="K59" s="326"/>
      <c r="L59" s="326"/>
      <c r="M59" s="326"/>
      <c r="N59" s="326"/>
      <c r="O59" s="327"/>
      <c r="P59" s="3"/>
      <c r="Q59" s="3"/>
      <c r="R59" s="3"/>
      <c r="S59" s="3"/>
      <c r="T59" s="3"/>
      <c r="U59" s="3"/>
      <c r="V59" s="3"/>
      <c r="W59" s="3"/>
      <c r="X59" s="19"/>
      <c r="Y59" s="86"/>
      <c r="Z59" s="86"/>
      <c r="AA59" s="86"/>
      <c r="AB59" s="86"/>
      <c r="AC59" s="19"/>
      <c r="AD59" s="19"/>
      <c r="AE59" s="19"/>
      <c r="AF59" s="19"/>
      <c r="AG59" s="19"/>
      <c r="AH59" s="19"/>
      <c r="AI59" s="19"/>
      <c r="AJ59" s="19"/>
      <c r="AK59" s="3"/>
      <c r="AL59" s="3"/>
      <c r="AM59" s="3"/>
      <c r="AN59" s="3"/>
      <c r="AO59" s="3"/>
    </row>
    <row r="60" spans="1:41" ht="16.5" customHeight="1" x14ac:dyDescent="0.2">
      <c r="A60" s="238"/>
      <c r="B60" s="239"/>
      <c r="C60" s="325"/>
      <c r="D60" s="326"/>
      <c r="E60" s="326"/>
      <c r="F60" s="326"/>
      <c r="G60" s="326"/>
      <c r="H60" s="326"/>
      <c r="I60" s="326"/>
      <c r="J60" s="326"/>
      <c r="K60" s="326"/>
      <c r="L60" s="326"/>
      <c r="M60" s="326"/>
      <c r="N60" s="326"/>
      <c r="O60" s="327"/>
      <c r="P60" s="3"/>
      <c r="R60" s="242" t="s">
        <v>212</v>
      </c>
      <c r="S60" s="243"/>
      <c r="T60" s="243"/>
      <c r="U60" s="243"/>
      <c r="V60" s="243"/>
      <c r="W60" s="243"/>
      <c r="X60" s="243"/>
      <c r="Y60" s="243"/>
      <c r="Z60" s="243"/>
      <c r="AA60" s="243"/>
      <c r="AB60" s="243"/>
      <c r="AC60" s="243"/>
      <c r="AD60" s="243"/>
      <c r="AE60" s="243"/>
      <c r="AF60" s="243"/>
      <c r="AG60" s="243"/>
      <c r="AH60" s="243"/>
      <c r="AI60" s="243"/>
      <c r="AJ60" s="244"/>
    </row>
    <row r="61" spans="1:41" ht="12.75" customHeight="1" x14ac:dyDescent="0.2">
      <c r="A61" s="238"/>
      <c r="B61" s="239"/>
      <c r="C61" s="132"/>
      <c r="D61" s="113"/>
      <c r="E61" s="113"/>
      <c r="F61" s="113"/>
      <c r="G61" s="113"/>
      <c r="H61" s="113"/>
      <c r="I61" s="113"/>
      <c r="J61" s="113"/>
      <c r="K61" s="113"/>
      <c r="L61" s="113"/>
      <c r="M61" s="113"/>
      <c r="N61" s="113"/>
      <c r="O61" s="127"/>
      <c r="P61" s="3"/>
      <c r="R61" s="245"/>
      <c r="S61" s="246"/>
      <c r="T61" s="246"/>
      <c r="U61" s="246"/>
      <c r="V61" s="246"/>
      <c r="W61" s="246"/>
      <c r="X61" s="246"/>
      <c r="Y61" s="246"/>
      <c r="Z61" s="246"/>
      <c r="AA61" s="246"/>
      <c r="AB61" s="246"/>
      <c r="AC61" s="246"/>
      <c r="AD61" s="246"/>
      <c r="AE61" s="246"/>
      <c r="AF61" s="246"/>
      <c r="AG61" s="246"/>
      <c r="AH61" s="246"/>
      <c r="AI61" s="246"/>
      <c r="AJ61" s="247"/>
    </row>
    <row r="62" spans="1:41" x14ac:dyDescent="0.2">
      <c r="A62" s="238"/>
      <c r="B62" s="239"/>
      <c r="C62" s="132"/>
      <c r="D62" s="114" t="s">
        <v>80</v>
      </c>
      <c r="E62" s="113"/>
      <c r="F62" s="113"/>
      <c r="G62" s="113"/>
      <c r="H62" s="113"/>
      <c r="I62" s="113"/>
      <c r="J62" s="113"/>
      <c r="K62" s="113"/>
      <c r="L62" s="113"/>
      <c r="M62" s="113"/>
      <c r="N62" s="113"/>
      <c r="O62" s="133"/>
      <c r="R62" s="245"/>
      <c r="S62" s="246"/>
      <c r="T62" s="246"/>
      <c r="U62" s="246"/>
      <c r="V62" s="246"/>
      <c r="W62" s="246"/>
      <c r="X62" s="246"/>
      <c r="Y62" s="246"/>
      <c r="Z62" s="246"/>
      <c r="AA62" s="246"/>
      <c r="AB62" s="246"/>
      <c r="AC62" s="246"/>
      <c r="AD62" s="246"/>
      <c r="AE62" s="246"/>
      <c r="AF62" s="246"/>
      <c r="AG62" s="246"/>
      <c r="AH62" s="246"/>
      <c r="AI62" s="246"/>
      <c r="AJ62" s="247"/>
      <c r="AK62" s="251" t="s">
        <v>213</v>
      </c>
      <c r="AL62" s="252"/>
      <c r="AM62" s="252"/>
      <c r="AN62" s="252"/>
      <c r="AO62" s="252"/>
    </row>
    <row r="63" spans="1:41" ht="13.5" customHeight="1" x14ac:dyDescent="0.2">
      <c r="A63" s="238"/>
      <c r="B63" s="239"/>
      <c r="C63" s="132"/>
      <c r="D63" s="190" t="s">
        <v>140</v>
      </c>
      <c r="E63" s="190"/>
      <c r="F63" s="190"/>
      <c r="G63" s="190"/>
      <c r="H63" s="190"/>
      <c r="I63" s="190"/>
      <c r="J63" s="190"/>
      <c r="K63" s="190"/>
      <c r="L63" s="190"/>
      <c r="M63" s="190"/>
      <c r="N63" s="190"/>
      <c r="O63" s="133"/>
      <c r="R63" s="245"/>
      <c r="S63" s="246"/>
      <c r="T63" s="246"/>
      <c r="U63" s="246"/>
      <c r="V63" s="246"/>
      <c r="W63" s="246"/>
      <c r="X63" s="246"/>
      <c r="Y63" s="246"/>
      <c r="Z63" s="246"/>
      <c r="AA63" s="246"/>
      <c r="AB63" s="246"/>
      <c r="AC63" s="246"/>
      <c r="AD63" s="246"/>
      <c r="AE63" s="246"/>
      <c r="AF63" s="246"/>
      <c r="AG63" s="246"/>
      <c r="AH63" s="246"/>
      <c r="AI63" s="246"/>
      <c r="AJ63" s="247"/>
      <c r="AK63" s="290" t="s">
        <v>82</v>
      </c>
      <c r="AL63" s="252"/>
      <c r="AM63" s="252"/>
      <c r="AN63" s="252"/>
      <c r="AO63" s="252"/>
    </row>
    <row r="64" spans="1:41" x14ac:dyDescent="0.2">
      <c r="A64" s="238"/>
      <c r="B64" s="239"/>
      <c r="C64" s="132"/>
      <c r="D64" s="190"/>
      <c r="E64" s="190"/>
      <c r="F64" s="190"/>
      <c r="G64" s="190"/>
      <c r="H64" s="190"/>
      <c r="I64" s="190"/>
      <c r="J64" s="190"/>
      <c r="K64" s="190"/>
      <c r="L64" s="190"/>
      <c r="M64" s="190"/>
      <c r="N64" s="190"/>
      <c r="O64" s="133"/>
      <c r="R64" s="248"/>
      <c r="S64" s="249"/>
      <c r="T64" s="249"/>
      <c r="U64" s="249"/>
      <c r="V64" s="249"/>
      <c r="W64" s="249"/>
      <c r="X64" s="249"/>
      <c r="Y64" s="249"/>
      <c r="Z64" s="249"/>
      <c r="AA64" s="249"/>
      <c r="AB64" s="249"/>
      <c r="AC64" s="249"/>
      <c r="AD64" s="249"/>
      <c r="AE64" s="249"/>
      <c r="AF64" s="249"/>
      <c r="AG64" s="249"/>
      <c r="AH64" s="249"/>
      <c r="AI64" s="249"/>
      <c r="AJ64" s="250"/>
    </row>
    <row r="65" spans="1:41" ht="13.5" customHeight="1" x14ac:dyDescent="0.2">
      <c r="A65" s="238"/>
      <c r="B65" s="239"/>
      <c r="C65" s="134"/>
      <c r="D65" s="190"/>
      <c r="E65" s="190"/>
      <c r="F65" s="190"/>
      <c r="G65" s="190"/>
      <c r="H65" s="190"/>
      <c r="I65" s="190"/>
      <c r="J65" s="190"/>
      <c r="K65" s="190"/>
      <c r="L65" s="190"/>
      <c r="M65" s="190"/>
      <c r="N65" s="190"/>
      <c r="O65" s="133"/>
      <c r="S65" s="123"/>
      <c r="T65" s="123"/>
      <c r="U65" s="123"/>
      <c r="V65" s="123"/>
      <c r="W65" s="123"/>
      <c r="X65" s="141"/>
      <c r="Y65" s="141"/>
      <c r="Z65" s="141"/>
      <c r="AA65" s="141"/>
      <c r="AB65" s="141"/>
      <c r="AC65" s="141"/>
      <c r="AD65" s="141"/>
      <c r="AE65" s="141"/>
      <c r="AF65" s="141"/>
      <c r="AG65" s="141"/>
      <c r="AH65" s="141"/>
      <c r="AI65" s="123"/>
      <c r="AJ65" s="123"/>
      <c r="AK65" s="19"/>
    </row>
    <row r="66" spans="1:41" x14ac:dyDescent="0.2">
      <c r="A66" s="238"/>
      <c r="B66" s="239"/>
      <c r="C66" s="134"/>
      <c r="D66" s="190"/>
      <c r="E66" s="190"/>
      <c r="F66" s="190"/>
      <c r="G66" s="190"/>
      <c r="H66" s="190"/>
      <c r="I66" s="190"/>
      <c r="J66" s="190"/>
      <c r="K66" s="190"/>
      <c r="L66" s="190"/>
      <c r="M66" s="190"/>
      <c r="N66" s="190"/>
      <c r="O66" s="133"/>
      <c r="X66" s="142"/>
      <c r="Y66" s="142"/>
      <c r="Z66" s="142"/>
      <c r="AA66" s="142"/>
      <c r="AB66" s="142"/>
      <c r="AC66" s="142"/>
      <c r="AD66" s="142"/>
      <c r="AE66" s="142"/>
      <c r="AF66" s="142"/>
      <c r="AG66" s="142"/>
      <c r="AH66" s="142"/>
    </row>
    <row r="67" spans="1:41" x14ac:dyDescent="0.2">
      <c r="A67" s="238"/>
      <c r="B67" s="239"/>
      <c r="C67" s="134"/>
      <c r="D67" s="190"/>
      <c r="E67" s="190"/>
      <c r="F67" s="190"/>
      <c r="G67" s="190"/>
      <c r="H67" s="190"/>
      <c r="I67" s="190"/>
      <c r="J67" s="190"/>
      <c r="K67" s="190"/>
      <c r="L67" s="190"/>
      <c r="M67" s="190"/>
      <c r="N67" s="190"/>
      <c r="O67" s="133"/>
      <c r="X67" s="142"/>
      <c r="Y67" s="142"/>
      <c r="Z67" s="142"/>
      <c r="AA67" s="142"/>
      <c r="AB67" s="142"/>
      <c r="AC67" s="142"/>
      <c r="AD67" s="142"/>
      <c r="AE67" s="142"/>
      <c r="AF67" s="142"/>
      <c r="AG67" s="142"/>
      <c r="AH67" s="142"/>
      <c r="AK67" s="138"/>
      <c r="AL67" s="138"/>
      <c r="AM67" s="138"/>
      <c r="AN67" s="138"/>
      <c r="AO67" s="138"/>
    </row>
    <row r="68" spans="1:41" x14ac:dyDescent="0.2">
      <c r="A68" s="238"/>
      <c r="B68" s="239"/>
      <c r="C68" s="134"/>
      <c r="D68" s="190"/>
      <c r="E68" s="190"/>
      <c r="F68" s="190"/>
      <c r="G68" s="190"/>
      <c r="H68" s="190"/>
      <c r="I68" s="190"/>
      <c r="J68" s="190"/>
      <c r="K68" s="190"/>
      <c r="L68" s="190"/>
      <c r="M68" s="190"/>
      <c r="N68" s="190"/>
      <c r="O68" s="135"/>
      <c r="AK68" s="138"/>
      <c r="AL68" s="138"/>
      <c r="AM68" s="138"/>
      <c r="AN68" s="138"/>
      <c r="AO68" s="138"/>
    </row>
    <row r="69" spans="1:41" x14ac:dyDescent="0.2">
      <c r="A69" s="238"/>
      <c r="B69" s="239"/>
      <c r="C69" s="134"/>
      <c r="O69" s="135"/>
      <c r="R69" s="262" t="s">
        <v>214</v>
      </c>
      <c r="S69" s="263"/>
      <c r="T69" s="263"/>
      <c r="U69" s="263"/>
      <c r="V69" s="263"/>
      <c r="W69" s="263"/>
      <c r="X69" s="263"/>
      <c r="Y69" s="263"/>
      <c r="Z69" s="263"/>
      <c r="AA69" s="263"/>
      <c r="AB69" s="263"/>
      <c r="AC69" s="263"/>
      <c r="AD69" s="263"/>
      <c r="AE69" s="263"/>
      <c r="AF69" s="263"/>
      <c r="AG69" s="263"/>
      <c r="AH69" s="263"/>
      <c r="AI69" s="263"/>
      <c r="AJ69" s="264"/>
      <c r="AK69" s="138"/>
      <c r="AL69" s="138"/>
      <c r="AM69" s="138"/>
      <c r="AN69" s="138"/>
      <c r="AO69" s="138"/>
    </row>
    <row r="70" spans="1:41" x14ac:dyDescent="0.2">
      <c r="A70" s="238"/>
      <c r="B70" s="239"/>
      <c r="C70" s="126"/>
      <c r="D70" s="115" t="s">
        <v>81</v>
      </c>
      <c r="O70" s="133"/>
      <c r="R70" s="265"/>
      <c r="S70" s="266"/>
      <c r="T70" s="266"/>
      <c r="U70" s="266"/>
      <c r="V70" s="266"/>
      <c r="W70" s="266"/>
      <c r="X70" s="266"/>
      <c r="Y70" s="266"/>
      <c r="Z70" s="266"/>
      <c r="AA70" s="266"/>
      <c r="AB70" s="266"/>
      <c r="AC70" s="266"/>
      <c r="AD70" s="266"/>
      <c r="AE70" s="266"/>
      <c r="AF70" s="266"/>
      <c r="AG70" s="266"/>
      <c r="AH70" s="266"/>
      <c r="AI70" s="266"/>
      <c r="AJ70" s="267"/>
      <c r="AK70" s="138"/>
      <c r="AL70" s="138"/>
      <c r="AM70" s="138"/>
      <c r="AN70" s="138"/>
      <c r="AO70" s="138"/>
    </row>
    <row r="71" spans="1:41" ht="13.8" thickBot="1" x14ac:dyDescent="0.25">
      <c r="A71" s="240"/>
      <c r="B71" s="241"/>
      <c r="C71" s="129"/>
      <c r="D71" s="136"/>
      <c r="E71" s="136"/>
      <c r="F71" s="136"/>
      <c r="G71" s="136"/>
      <c r="H71" s="136"/>
      <c r="I71" s="136"/>
      <c r="J71" s="136"/>
      <c r="K71" s="136"/>
      <c r="L71" s="136"/>
      <c r="M71" s="136"/>
      <c r="N71" s="136"/>
      <c r="O71" s="137"/>
      <c r="R71" s="268"/>
      <c r="S71" s="269"/>
      <c r="T71" s="269"/>
      <c r="U71" s="269"/>
      <c r="V71" s="269"/>
      <c r="W71" s="269"/>
      <c r="X71" s="269"/>
      <c r="Y71" s="269"/>
      <c r="Z71" s="269"/>
      <c r="AA71" s="269"/>
      <c r="AB71" s="269"/>
      <c r="AC71" s="269"/>
      <c r="AD71" s="269"/>
      <c r="AE71" s="269"/>
      <c r="AF71" s="269"/>
      <c r="AG71" s="269"/>
      <c r="AH71" s="269"/>
      <c r="AI71" s="269"/>
      <c r="AJ71" s="270"/>
      <c r="AK71" s="138"/>
      <c r="AL71" s="138"/>
      <c r="AM71" s="138"/>
      <c r="AN71" s="138"/>
      <c r="AO71" s="138"/>
    </row>
  </sheetData>
  <mergeCells count="56">
    <mergeCell ref="AK63:AO63"/>
    <mergeCell ref="C54:G56"/>
    <mergeCell ref="H54:H56"/>
    <mergeCell ref="S25:AO31"/>
    <mergeCell ref="O47:AB48"/>
    <mergeCell ref="AC47:AO48"/>
    <mergeCell ref="C49:N53"/>
    <mergeCell ref="AC49:AO50"/>
    <mergeCell ref="C58:O60"/>
    <mergeCell ref="C42:F45"/>
    <mergeCell ref="G42:O45"/>
    <mergeCell ref="P44:S45"/>
    <mergeCell ref="T44:AD45"/>
    <mergeCell ref="C47:N48"/>
    <mergeCell ref="T42:AD43"/>
    <mergeCell ref="AG42:AO45"/>
    <mergeCell ref="L54:L56"/>
    <mergeCell ref="V54:V56"/>
    <mergeCell ref="W54:W56"/>
    <mergeCell ref="X54:X56"/>
    <mergeCell ref="Y54:AB56"/>
    <mergeCell ref="U54:U56"/>
    <mergeCell ref="M54:N56"/>
    <mergeCell ref="O54:O56"/>
    <mergeCell ref="C38:F41"/>
    <mergeCell ref="P42:S43"/>
    <mergeCell ref="A58:B71"/>
    <mergeCell ref="R60:AJ64"/>
    <mergeCell ref="AK62:AO62"/>
    <mergeCell ref="D63:N68"/>
    <mergeCell ref="P54:P56"/>
    <mergeCell ref="Q54:Q56"/>
    <mergeCell ref="R54:R56"/>
    <mergeCell ref="S54:S56"/>
    <mergeCell ref="T54:T56"/>
    <mergeCell ref="A47:B56"/>
    <mergeCell ref="R69:AJ71"/>
    <mergeCell ref="I54:I56"/>
    <mergeCell ref="J54:J56"/>
    <mergeCell ref="K54:K56"/>
    <mergeCell ref="S11:AO13"/>
    <mergeCell ref="A3:AF6"/>
    <mergeCell ref="H38:AD38"/>
    <mergeCell ref="G39:AD41"/>
    <mergeCell ref="Q8:AO9"/>
    <mergeCell ref="A15:O33"/>
    <mergeCell ref="S15:AO20"/>
    <mergeCell ref="S22:AO23"/>
    <mergeCell ref="AG39:AO41"/>
    <mergeCell ref="A35:B45"/>
    <mergeCell ref="C35:F37"/>
    <mergeCell ref="G35:AD37"/>
    <mergeCell ref="AE35:AF45"/>
    <mergeCell ref="AG35:AO35"/>
    <mergeCell ref="AG36:AO36"/>
    <mergeCell ref="AG37:AO38"/>
  </mergeCells>
  <phoneticPr fontId="1"/>
  <printOptions horizontalCentered="1" verticalCentered="1"/>
  <pageMargins left="0.59055118110236227" right="0.39370078740157483" top="0.39370078740157483" bottom="0.39370078740157483" header="0.51181102362204722" footer="0.51181102362204722"/>
  <pageSetup paperSize="9" scale="88" orientation="portrait" horizontalDpi="300" verticalDpi="300"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Z77"/>
  <sheetViews>
    <sheetView showGridLines="0" view="pageBreakPreview" zoomScaleNormal="100" zoomScaleSheetLayoutView="100" workbookViewId="0">
      <selection activeCell="B21" sqref="B21:W22"/>
    </sheetView>
  </sheetViews>
  <sheetFormatPr defaultRowHeight="13.2" x14ac:dyDescent="0.2"/>
  <cols>
    <col min="1" max="1" width="3.109375" style="2" customWidth="1"/>
    <col min="2" max="24" width="2.33203125" style="2" customWidth="1"/>
    <col min="25" max="25" width="1.44140625" style="2" customWidth="1"/>
    <col min="26" max="26" width="2.21875" style="2" customWidth="1"/>
    <col min="27" max="43" width="2.33203125" style="2" customWidth="1"/>
    <col min="44" max="44" width="2.21875" style="2" customWidth="1"/>
    <col min="45" max="45" width="1.6640625" style="2" customWidth="1"/>
    <col min="46" max="48" width="2.33203125" style="2" customWidth="1"/>
    <col min="49" max="63" width="2.21875" style="2" customWidth="1"/>
    <col min="64" max="81" width="2.33203125" style="2" customWidth="1"/>
    <col min="82" max="83" width="1.88671875" style="2" customWidth="1"/>
    <col min="84" max="86" width="2.21875" style="2" customWidth="1"/>
    <col min="87" max="89" width="3.6640625" style="2" customWidth="1"/>
    <col min="90" max="90" width="2.21875" style="2" customWidth="1"/>
    <col min="91" max="93" width="2.109375" style="2" customWidth="1"/>
    <col min="94" max="94" width="4.21875" customWidth="1"/>
  </cols>
  <sheetData>
    <row r="1" spans="1:94" ht="15" customHeight="1" thickBot="1" x14ac:dyDescent="0.25">
      <c r="A1" s="375" t="s">
        <v>221</v>
      </c>
      <c r="B1" s="375"/>
      <c r="C1" s="375"/>
      <c r="D1" s="375"/>
      <c r="E1" s="375"/>
      <c r="F1" s="375"/>
      <c r="G1" s="375"/>
      <c r="H1" s="375"/>
      <c r="I1" s="375"/>
      <c r="J1" s="375"/>
      <c r="K1" s="375"/>
      <c r="L1" s="375"/>
      <c r="M1" s="375"/>
      <c r="N1" s="375"/>
      <c r="O1" s="375"/>
      <c r="P1" s="375"/>
      <c r="Q1" s="375"/>
      <c r="R1" s="375"/>
      <c r="S1" s="375"/>
      <c r="T1" s="375"/>
      <c r="U1" s="375"/>
      <c r="V1" s="375"/>
      <c r="W1" s="375"/>
      <c r="X1" s="375"/>
      <c r="Y1" s="375"/>
      <c r="Z1" s="375"/>
      <c r="AA1" s="375"/>
      <c r="AB1" s="375"/>
      <c r="AC1" s="375"/>
      <c r="AD1" s="375"/>
      <c r="AE1" s="375"/>
      <c r="AF1" s="375"/>
      <c r="AG1" s="375"/>
      <c r="AH1" s="375"/>
      <c r="AI1" s="375"/>
      <c r="AJ1" s="20"/>
      <c r="AK1" s="143"/>
      <c r="AL1" s="84"/>
      <c r="AM1" s="84"/>
      <c r="AN1" s="84"/>
      <c r="AO1" s="84"/>
      <c r="AP1" s="84"/>
      <c r="AQ1" s="84"/>
      <c r="AR1" s="84"/>
      <c r="AS1" s="20"/>
      <c r="AT1" s="1" t="s">
        <v>211</v>
      </c>
      <c r="AU1" s="1"/>
      <c r="AV1" s="1"/>
      <c r="AW1" s="1"/>
      <c r="AX1" s="1"/>
      <c r="AY1" s="1"/>
      <c r="AZ1" s="1"/>
      <c r="BA1" s="1"/>
      <c r="BB1" s="1"/>
      <c r="BC1" s="1"/>
      <c r="BD1" s="1"/>
      <c r="BE1" s="1"/>
      <c r="BF1" s="1"/>
      <c r="BG1" s="1"/>
      <c r="BH1" s="1"/>
      <c r="BI1" s="1"/>
      <c r="BJ1" s="1"/>
      <c r="BK1" s="1"/>
      <c r="BL1" s="1"/>
      <c r="BM1" s="1"/>
      <c r="BN1" s="1"/>
      <c r="BO1" s="1"/>
      <c r="BP1" s="1"/>
      <c r="BQ1" s="1"/>
      <c r="BR1" s="1"/>
      <c r="BS1" s="1"/>
      <c r="BT1" s="1"/>
      <c r="BU1" s="1"/>
      <c r="BV1" s="1"/>
      <c r="BW1" s="1"/>
      <c r="BX1" s="1"/>
      <c r="BY1" s="1"/>
      <c r="BZ1" s="1"/>
      <c r="CA1" s="1"/>
      <c r="CB1" s="1"/>
      <c r="CC1" s="1"/>
      <c r="CD1" s="1"/>
      <c r="CE1" s="1"/>
      <c r="CF1" s="1"/>
      <c r="CG1" s="1"/>
      <c r="CH1" s="1"/>
      <c r="CI1" s="1"/>
      <c r="CJ1" s="1"/>
      <c r="CK1" s="1"/>
      <c r="CL1" s="1"/>
      <c r="CM1" s="1"/>
      <c r="CN1" s="21"/>
      <c r="CO1" s="103"/>
    </row>
    <row r="2" spans="1:94" ht="12.75" customHeight="1" thickBot="1" x14ac:dyDescent="0.25">
      <c r="A2" s="375"/>
      <c r="B2" s="375"/>
      <c r="C2" s="375"/>
      <c r="D2" s="375"/>
      <c r="E2" s="375"/>
      <c r="F2" s="375"/>
      <c r="G2" s="375"/>
      <c r="H2" s="375"/>
      <c r="I2" s="375"/>
      <c r="J2" s="375"/>
      <c r="K2" s="375"/>
      <c r="L2" s="375"/>
      <c r="M2" s="375"/>
      <c r="N2" s="375"/>
      <c r="O2" s="375"/>
      <c r="P2" s="375"/>
      <c r="Q2" s="375"/>
      <c r="R2" s="375"/>
      <c r="S2" s="375"/>
      <c r="T2" s="375"/>
      <c r="U2" s="375"/>
      <c r="V2" s="375"/>
      <c r="W2" s="375"/>
      <c r="X2" s="375"/>
      <c r="Y2" s="375"/>
      <c r="Z2" s="375"/>
      <c r="AA2" s="375"/>
      <c r="AB2" s="375"/>
      <c r="AC2" s="375"/>
      <c r="AD2" s="375"/>
      <c r="AE2" s="375"/>
      <c r="AF2" s="375"/>
      <c r="AG2" s="375"/>
      <c r="AH2" s="375"/>
      <c r="AI2" s="375"/>
      <c r="AJ2" s="20"/>
      <c r="AK2" s="85"/>
      <c r="AL2" s="84"/>
      <c r="AM2" s="84"/>
      <c r="AN2" s="84"/>
      <c r="AO2" s="84"/>
      <c r="AP2" s="84"/>
      <c r="AQ2" s="84"/>
      <c r="AR2" s="84"/>
      <c r="AS2" s="20"/>
      <c r="AT2" s="376" t="s">
        <v>6</v>
      </c>
      <c r="AU2" s="377"/>
      <c r="AV2" s="377"/>
      <c r="AW2" s="377"/>
      <c r="AX2" s="377"/>
      <c r="AY2" s="377"/>
      <c r="AZ2" s="377"/>
      <c r="BA2" s="377"/>
      <c r="BB2" s="377"/>
      <c r="BC2" s="377"/>
      <c r="BD2" s="377"/>
      <c r="BE2" s="377"/>
      <c r="BF2" s="377"/>
      <c r="BG2" s="377"/>
      <c r="BH2" s="377"/>
      <c r="BI2" s="377"/>
      <c r="BJ2" s="377"/>
      <c r="BK2" s="377"/>
      <c r="BL2" s="377"/>
      <c r="BM2" s="377"/>
      <c r="BN2" s="377"/>
      <c r="BO2" s="377"/>
      <c r="BP2" s="377"/>
      <c r="BQ2" s="377"/>
      <c r="BR2" s="377"/>
      <c r="BS2" s="377"/>
      <c r="BT2" s="377"/>
      <c r="BU2" s="377"/>
      <c r="BV2" s="377"/>
      <c r="BW2" s="377"/>
      <c r="BX2" s="377"/>
      <c r="BY2" s="377"/>
      <c r="BZ2" s="377"/>
      <c r="CA2" s="377"/>
      <c r="CB2" s="377"/>
      <c r="CC2" s="377"/>
      <c r="CD2" s="377"/>
      <c r="CE2" s="377"/>
      <c r="CF2" s="377"/>
      <c r="CG2" s="377"/>
      <c r="CH2" s="377"/>
      <c r="CI2" s="377"/>
      <c r="CJ2" s="377"/>
      <c r="CK2" s="377"/>
      <c r="CL2" s="377"/>
      <c r="CM2" s="377"/>
      <c r="CN2" s="378"/>
      <c r="CO2" s="88"/>
    </row>
    <row r="3" spans="1:94" ht="12" customHeight="1" x14ac:dyDescent="0.2">
      <c r="A3" s="382" t="s">
        <v>7</v>
      </c>
      <c r="B3" s="377"/>
      <c r="C3" s="377"/>
      <c r="D3" s="377"/>
      <c r="E3" s="377"/>
      <c r="F3" s="377"/>
      <c r="G3" s="377"/>
      <c r="H3" s="377"/>
      <c r="I3" s="377"/>
      <c r="J3" s="377"/>
      <c r="K3" s="377"/>
      <c r="L3" s="377"/>
      <c r="M3" s="377"/>
      <c r="N3" s="377"/>
      <c r="O3" s="377"/>
      <c r="P3" s="377"/>
      <c r="Q3" s="377"/>
      <c r="R3" s="377"/>
      <c r="S3" s="377"/>
      <c r="T3" s="377"/>
      <c r="U3" s="377"/>
      <c r="V3" s="377"/>
      <c r="W3" s="377"/>
      <c r="X3" s="383"/>
      <c r="Y3" s="16"/>
      <c r="Z3" s="88"/>
      <c r="AA3" s="104"/>
      <c r="AB3" s="104"/>
      <c r="AC3" s="104"/>
      <c r="AD3" s="105"/>
      <c r="AE3" s="105"/>
      <c r="AF3" s="105"/>
      <c r="AG3" s="105"/>
      <c r="AH3" s="105"/>
      <c r="AI3" s="105"/>
      <c r="AJ3" s="105"/>
      <c r="AK3" s="105"/>
      <c r="AL3" s="105"/>
      <c r="AM3" s="105"/>
      <c r="AN3" s="105"/>
      <c r="AO3" s="105"/>
      <c r="AP3" s="105"/>
      <c r="AQ3" s="105"/>
      <c r="AR3" s="88"/>
      <c r="AT3" s="379"/>
      <c r="AU3" s="380"/>
      <c r="AV3" s="380"/>
      <c r="AW3" s="380"/>
      <c r="AX3" s="380"/>
      <c r="AY3" s="380"/>
      <c r="AZ3" s="380"/>
      <c r="BA3" s="380"/>
      <c r="BB3" s="380"/>
      <c r="BC3" s="380"/>
      <c r="BD3" s="380"/>
      <c r="BE3" s="380"/>
      <c r="BF3" s="380"/>
      <c r="BG3" s="380"/>
      <c r="BH3" s="380"/>
      <c r="BI3" s="380"/>
      <c r="BJ3" s="380"/>
      <c r="BK3" s="380"/>
      <c r="BL3" s="380"/>
      <c r="BM3" s="380"/>
      <c r="BN3" s="380"/>
      <c r="BO3" s="380"/>
      <c r="BP3" s="380"/>
      <c r="BQ3" s="380"/>
      <c r="BR3" s="380"/>
      <c r="BS3" s="380"/>
      <c r="BT3" s="380"/>
      <c r="BU3" s="380"/>
      <c r="BV3" s="380"/>
      <c r="BW3" s="380"/>
      <c r="BX3" s="380"/>
      <c r="BY3" s="380"/>
      <c r="BZ3" s="380"/>
      <c r="CA3" s="380"/>
      <c r="CB3" s="380"/>
      <c r="CC3" s="380"/>
      <c r="CD3" s="380"/>
      <c r="CE3" s="380"/>
      <c r="CF3" s="380"/>
      <c r="CG3" s="380"/>
      <c r="CH3" s="380"/>
      <c r="CI3" s="380"/>
      <c r="CJ3" s="380"/>
      <c r="CK3" s="380"/>
      <c r="CL3" s="380"/>
      <c r="CM3" s="380"/>
      <c r="CN3" s="381"/>
      <c r="CO3" s="88"/>
    </row>
    <row r="4" spans="1:94" ht="12" customHeight="1" x14ac:dyDescent="0.2">
      <c r="A4" s="384"/>
      <c r="B4" s="380"/>
      <c r="C4" s="380"/>
      <c r="D4" s="380"/>
      <c r="E4" s="380"/>
      <c r="F4" s="380"/>
      <c r="G4" s="380"/>
      <c r="H4" s="380"/>
      <c r="I4" s="380"/>
      <c r="J4" s="380"/>
      <c r="K4" s="380"/>
      <c r="L4" s="380"/>
      <c r="M4" s="380"/>
      <c r="N4" s="380"/>
      <c r="O4" s="380"/>
      <c r="P4" s="380"/>
      <c r="Q4" s="380"/>
      <c r="R4" s="380"/>
      <c r="S4" s="380"/>
      <c r="T4" s="380"/>
      <c r="U4" s="380"/>
      <c r="V4" s="380"/>
      <c r="W4" s="380"/>
      <c r="X4" s="385"/>
      <c r="Y4" s="16"/>
      <c r="Z4" s="88"/>
      <c r="AA4" s="104"/>
      <c r="AB4" s="104"/>
      <c r="AC4" s="104"/>
      <c r="AD4" s="105"/>
      <c r="AE4" s="105"/>
      <c r="AF4" s="105"/>
      <c r="AG4" s="105"/>
      <c r="AH4" s="105"/>
      <c r="AI4" s="105"/>
      <c r="AJ4" s="105"/>
      <c r="AK4" s="105"/>
      <c r="AL4" s="105"/>
      <c r="AM4" s="105"/>
      <c r="AN4" s="105"/>
      <c r="AO4" s="105"/>
      <c r="AP4" s="105"/>
      <c r="AQ4" s="105"/>
      <c r="AR4" s="88"/>
      <c r="AT4" s="22" t="s">
        <v>190</v>
      </c>
      <c r="AU4" s="23"/>
      <c r="AV4" s="23"/>
      <c r="AW4" s="23"/>
      <c r="AX4" s="23"/>
      <c r="AY4" s="23"/>
      <c r="AZ4" s="23"/>
      <c r="BA4" s="23"/>
      <c r="BB4" s="23"/>
      <c r="BC4" s="23"/>
      <c r="BD4" s="23"/>
      <c r="BE4" s="23"/>
      <c r="BF4" s="23"/>
      <c r="BG4" s="23"/>
      <c r="BH4" s="23"/>
      <c r="BI4" s="23"/>
      <c r="BJ4" s="23"/>
      <c r="BK4" s="23"/>
      <c r="BL4" s="23"/>
      <c r="BM4" s="23"/>
      <c r="BN4" s="23"/>
      <c r="BO4" s="23"/>
      <c r="BP4" s="23"/>
      <c r="BQ4" s="23"/>
      <c r="BR4" s="23"/>
      <c r="BS4" s="23"/>
      <c r="BT4" s="23"/>
      <c r="BU4" s="23"/>
      <c r="BV4" s="23"/>
      <c r="BW4" s="23"/>
      <c r="BX4" s="23"/>
      <c r="BY4" s="23"/>
      <c r="BZ4" s="23"/>
      <c r="CA4" s="23"/>
      <c r="CB4" s="23"/>
      <c r="CC4" s="23"/>
      <c r="CD4" s="23"/>
      <c r="CE4" s="23"/>
      <c r="CF4" s="23"/>
      <c r="CG4" s="23"/>
      <c r="CH4" s="23"/>
      <c r="CI4" s="23"/>
      <c r="CJ4" s="23"/>
      <c r="CK4" s="23"/>
      <c r="CL4" s="23"/>
      <c r="CM4" s="23"/>
      <c r="CN4" s="90"/>
      <c r="CO4" s="28"/>
      <c r="CP4" s="100"/>
    </row>
    <row r="5" spans="1:94" ht="12" customHeight="1" x14ac:dyDescent="0.2">
      <c r="A5" s="24" t="s">
        <v>8</v>
      </c>
      <c r="B5" s="25"/>
      <c r="C5" s="25"/>
      <c r="D5" s="25"/>
      <c r="E5" s="25"/>
      <c r="F5" s="25"/>
      <c r="G5" s="25"/>
      <c r="H5" s="25"/>
      <c r="I5" s="25"/>
      <c r="J5" s="25"/>
      <c r="K5" s="25"/>
      <c r="L5" s="25"/>
      <c r="M5" s="25"/>
      <c r="N5" s="25"/>
      <c r="O5" s="25"/>
      <c r="P5" s="25"/>
      <c r="Q5" s="25"/>
      <c r="R5" s="25"/>
      <c r="S5" s="25"/>
      <c r="T5" s="25"/>
      <c r="U5" s="25"/>
      <c r="V5" s="25"/>
      <c r="W5" s="25"/>
      <c r="X5" s="26"/>
      <c r="Y5" s="27"/>
      <c r="Z5" s="5"/>
      <c r="AA5" s="5"/>
      <c r="AB5" s="5"/>
      <c r="AC5" s="5"/>
      <c r="AD5" s="5"/>
      <c r="AE5" s="5"/>
      <c r="AF5" s="28"/>
      <c r="AG5" s="28"/>
      <c r="AH5" s="28"/>
      <c r="AI5" s="28"/>
      <c r="AJ5" s="28"/>
      <c r="AK5" s="28"/>
      <c r="AL5" s="28"/>
      <c r="AM5" s="28"/>
      <c r="AN5" s="28"/>
      <c r="AO5" s="28"/>
      <c r="AP5" s="28"/>
      <c r="AQ5" s="28"/>
      <c r="AR5" s="28"/>
      <c r="AT5" s="29"/>
      <c r="AU5" s="28" t="s">
        <v>9</v>
      </c>
      <c r="AV5" s="30"/>
      <c r="AW5" s="30"/>
      <c r="AX5" s="30"/>
      <c r="AY5" s="30"/>
      <c r="AZ5" s="30"/>
      <c r="BA5" s="30"/>
      <c r="BB5" s="30"/>
      <c r="BC5" s="30"/>
      <c r="BD5" s="30"/>
      <c r="BE5" s="30"/>
      <c r="BF5" s="30"/>
      <c r="BG5" s="30"/>
      <c r="BH5" s="30"/>
      <c r="BI5" s="30"/>
      <c r="BJ5" s="30"/>
      <c r="BK5" s="30"/>
      <c r="BL5" s="30"/>
      <c r="BM5" s="30"/>
      <c r="BN5" s="30"/>
      <c r="BO5" s="30"/>
      <c r="BP5" s="30"/>
      <c r="BQ5" s="30"/>
      <c r="BR5" s="30"/>
      <c r="BS5" s="30"/>
      <c r="BT5" s="30"/>
      <c r="BU5" s="30"/>
      <c r="BV5" s="30"/>
      <c r="BW5" s="30"/>
      <c r="BX5" s="30"/>
      <c r="BY5" s="30"/>
      <c r="BZ5" s="30"/>
      <c r="CA5" s="30"/>
      <c r="CB5" s="30"/>
      <c r="CC5" s="30"/>
      <c r="CD5" s="30"/>
      <c r="CE5" s="30"/>
      <c r="CF5" s="30"/>
      <c r="CG5" s="30"/>
      <c r="CH5" s="30"/>
      <c r="CI5" s="30"/>
      <c r="CJ5" s="30"/>
      <c r="CK5" s="30"/>
      <c r="CL5" s="30"/>
      <c r="CM5" s="30"/>
      <c r="CN5" s="91"/>
      <c r="CO5" s="30"/>
      <c r="CP5" s="100"/>
    </row>
    <row r="6" spans="1:94" ht="12" customHeight="1" x14ac:dyDescent="0.2">
      <c r="A6" s="31"/>
      <c r="B6" s="320" t="s">
        <v>93</v>
      </c>
      <c r="C6" s="320"/>
      <c r="D6" s="320"/>
      <c r="E6" s="320"/>
      <c r="F6" s="320"/>
      <c r="G6" s="320"/>
      <c r="H6" s="320"/>
      <c r="I6" s="320"/>
      <c r="J6" s="320"/>
      <c r="K6" s="320"/>
      <c r="L6" s="320"/>
      <c r="M6" s="320"/>
      <c r="N6" s="320"/>
      <c r="O6" s="320"/>
      <c r="P6" s="320"/>
      <c r="Q6" s="320"/>
      <c r="R6" s="320"/>
      <c r="S6" s="320"/>
      <c r="T6" s="320"/>
      <c r="U6" s="320"/>
      <c r="V6" s="320"/>
      <c r="W6" s="320"/>
      <c r="X6" s="32"/>
      <c r="Y6" s="27"/>
      <c r="Z6" s="5"/>
      <c r="AA6" s="5"/>
      <c r="AB6" s="5"/>
      <c r="AC6" s="5"/>
      <c r="AD6" s="5"/>
      <c r="AE6" s="5"/>
      <c r="AF6" s="28"/>
      <c r="AG6" s="28"/>
      <c r="AH6" s="28"/>
      <c r="AI6" s="28"/>
      <c r="AJ6" s="28"/>
      <c r="AK6" s="28"/>
      <c r="AL6" s="28"/>
      <c r="AM6" s="28"/>
      <c r="AN6" s="28"/>
      <c r="AO6" s="28"/>
      <c r="AP6" s="28"/>
      <c r="AQ6" s="28"/>
      <c r="AR6" s="28"/>
      <c r="AT6" s="33"/>
      <c r="AU6" s="28"/>
      <c r="AV6" s="34" t="s">
        <v>10</v>
      </c>
      <c r="AW6" s="34"/>
      <c r="AX6" s="34"/>
      <c r="AY6" s="34"/>
      <c r="AZ6" s="34"/>
      <c r="BA6" s="34"/>
      <c r="BB6" s="34"/>
      <c r="BC6" s="34"/>
      <c r="BD6" s="34"/>
      <c r="BE6" s="34"/>
      <c r="BF6" s="34"/>
      <c r="BG6" s="34"/>
      <c r="BH6" s="34"/>
      <c r="BI6" s="28"/>
      <c r="BJ6" s="28"/>
      <c r="BK6" s="28"/>
      <c r="BL6" s="34"/>
      <c r="BM6" s="34"/>
      <c r="BN6" s="34"/>
      <c r="BO6" s="34" t="s">
        <v>11</v>
      </c>
      <c r="BP6" s="34"/>
      <c r="BQ6" s="19"/>
      <c r="BR6" s="34"/>
      <c r="BS6" s="34"/>
      <c r="BT6" s="34"/>
      <c r="BU6" s="34"/>
      <c r="BV6" s="34"/>
      <c r="BW6" s="28"/>
      <c r="BX6" s="28"/>
      <c r="BY6" s="34"/>
      <c r="BZ6" s="34"/>
      <c r="CA6" s="28"/>
      <c r="CB6" s="28"/>
      <c r="CC6" s="28"/>
      <c r="CD6" s="28"/>
      <c r="CE6" s="28"/>
      <c r="CF6" s="28"/>
      <c r="CG6" s="28"/>
      <c r="CH6" s="28"/>
      <c r="CI6" s="28"/>
      <c r="CJ6" s="28"/>
      <c r="CK6" s="28"/>
      <c r="CL6" s="28"/>
      <c r="CM6" s="28"/>
      <c r="CN6" s="92"/>
      <c r="CO6" s="28"/>
      <c r="CP6" s="100"/>
    </row>
    <row r="7" spans="1:94" ht="12" customHeight="1" x14ac:dyDescent="0.2">
      <c r="A7" s="31"/>
      <c r="B7" s="320"/>
      <c r="C7" s="320"/>
      <c r="D7" s="320"/>
      <c r="E7" s="320"/>
      <c r="F7" s="320"/>
      <c r="G7" s="320"/>
      <c r="H7" s="320"/>
      <c r="I7" s="320"/>
      <c r="J7" s="320"/>
      <c r="K7" s="320"/>
      <c r="L7" s="320"/>
      <c r="M7" s="320"/>
      <c r="N7" s="320"/>
      <c r="O7" s="320"/>
      <c r="P7" s="320"/>
      <c r="Q7" s="320"/>
      <c r="R7" s="320"/>
      <c r="S7" s="320"/>
      <c r="T7" s="320"/>
      <c r="U7" s="320"/>
      <c r="V7" s="320"/>
      <c r="W7" s="320"/>
      <c r="X7" s="32"/>
      <c r="Y7" s="27"/>
      <c r="Z7" s="5"/>
      <c r="AA7" s="5"/>
      <c r="AB7" s="5"/>
      <c r="AC7" s="5"/>
      <c r="AD7" s="5"/>
      <c r="AE7" s="5"/>
      <c r="AF7" s="28"/>
      <c r="AG7" s="28"/>
      <c r="AH7" s="28"/>
      <c r="AI7" s="28"/>
      <c r="AJ7" s="28"/>
      <c r="AK7" s="28"/>
      <c r="AL7" s="28"/>
      <c r="AM7" s="28"/>
      <c r="AN7" s="28"/>
      <c r="AO7" s="28"/>
      <c r="AP7" s="28"/>
      <c r="AQ7" s="28"/>
      <c r="AR7" s="28"/>
      <c r="AT7" s="33"/>
      <c r="AU7" s="28"/>
      <c r="AV7" s="34"/>
      <c r="AW7" s="34" t="s">
        <v>142</v>
      </c>
      <c r="AX7" s="34"/>
      <c r="AY7" s="34"/>
      <c r="AZ7" s="34"/>
      <c r="BA7" s="34"/>
      <c r="BB7" s="34"/>
      <c r="BC7" s="34"/>
      <c r="BD7" s="34"/>
      <c r="BE7" s="34"/>
      <c r="BF7" s="34"/>
      <c r="BG7" s="34"/>
      <c r="BH7" s="34"/>
      <c r="BI7" s="28"/>
      <c r="BJ7" s="28"/>
      <c r="BK7" s="28"/>
      <c r="BL7" s="34"/>
      <c r="BM7" s="34"/>
      <c r="BN7" s="34"/>
      <c r="BO7" s="34"/>
      <c r="BP7" s="34" t="s">
        <v>132</v>
      </c>
      <c r="BQ7" s="19"/>
      <c r="BR7" s="34"/>
      <c r="BS7" s="34"/>
      <c r="BT7" s="34"/>
      <c r="BU7" s="34"/>
      <c r="BV7" s="34"/>
      <c r="BW7" s="34"/>
      <c r="BX7" s="28"/>
      <c r="BY7" s="34"/>
      <c r="BZ7" s="34"/>
      <c r="CA7" s="28"/>
      <c r="CB7" s="28"/>
      <c r="CC7" s="28"/>
      <c r="CD7" s="28"/>
      <c r="CE7" s="28"/>
      <c r="CF7" s="28"/>
      <c r="CG7" s="28"/>
      <c r="CH7" s="28"/>
      <c r="CI7" s="28"/>
      <c r="CJ7" s="28"/>
      <c r="CK7" s="28"/>
      <c r="CL7" s="28"/>
      <c r="CM7" s="28"/>
      <c r="CN7" s="92"/>
      <c r="CO7" s="28"/>
      <c r="CP7" s="100"/>
    </row>
    <row r="8" spans="1:94" ht="12" customHeight="1" x14ac:dyDescent="0.2">
      <c r="A8" s="31"/>
      <c r="B8" s="35"/>
      <c r="C8" s="35"/>
      <c r="D8" s="35"/>
      <c r="E8" s="35"/>
      <c r="F8" s="35"/>
      <c r="G8" s="35"/>
      <c r="H8" s="35"/>
      <c r="I8" s="35"/>
      <c r="J8" s="35"/>
      <c r="K8" s="35"/>
      <c r="L8" s="35"/>
      <c r="M8" s="35"/>
      <c r="N8" s="35"/>
      <c r="O8" s="35"/>
      <c r="P8" s="35"/>
      <c r="Q8" s="35"/>
      <c r="R8" s="35"/>
      <c r="S8" s="35"/>
      <c r="T8" s="35"/>
      <c r="U8" s="35"/>
      <c r="V8" s="35"/>
      <c r="W8" s="35"/>
      <c r="X8" s="32"/>
      <c r="Y8" s="27"/>
      <c r="Z8" s="5"/>
      <c r="AA8" s="365" t="s">
        <v>145</v>
      </c>
      <c r="AB8" s="365"/>
      <c r="AC8" s="365"/>
      <c r="AD8" s="365"/>
      <c r="AE8" s="365"/>
      <c r="AF8" s="365"/>
      <c r="AG8" s="365"/>
      <c r="AH8" s="365"/>
      <c r="AI8" s="365"/>
      <c r="AJ8" s="365"/>
      <c r="AK8" s="365"/>
      <c r="AL8" s="365"/>
      <c r="AM8" s="365"/>
      <c r="AN8" s="365"/>
      <c r="AO8" s="365"/>
      <c r="AP8" s="365"/>
      <c r="AQ8" s="365"/>
      <c r="AR8" s="28"/>
      <c r="AT8" s="33"/>
      <c r="AU8" s="28"/>
      <c r="AV8" s="34"/>
      <c r="AW8" s="34" t="s">
        <v>12</v>
      </c>
      <c r="AX8" s="34"/>
      <c r="AY8" s="34"/>
      <c r="AZ8" s="34"/>
      <c r="BA8" s="34"/>
      <c r="BB8" s="34"/>
      <c r="BC8" s="34"/>
      <c r="BD8" s="34"/>
      <c r="BE8" s="34"/>
      <c r="BF8" s="34"/>
      <c r="BG8" s="34"/>
      <c r="BH8" s="34"/>
      <c r="BI8" s="34"/>
      <c r="BJ8" s="28"/>
      <c r="BK8" s="28"/>
      <c r="BL8" s="34"/>
      <c r="BM8" s="34"/>
      <c r="BN8" s="34"/>
      <c r="BO8" s="34"/>
      <c r="BP8" s="34" t="s">
        <v>131</v>
      </c>
      <c r="BQ8" s="19"/>
      <c r="BR8" s="34"/>
      <c r="BS8" s="34"/>
      <c r="BT8" s="34"/>
      <c r="BU8" s="34"/>
      <c r="BV8" s="34"/>
      <c r="BW8" s="34"/>
      <c r="BX8" s="28"/>
      <c r="BY8" s="19"/>
      <c r="BZ8" s="19"/>
      <c r="CA8" s="19"/>
      <c r="CB8" s="19"/>
      <c r="CC8" s="19"/>
      <c r="CD8" s="19"/>
      <c r="CE8" s="19"/>
      <c r="CF8" s="19"/>
      <c r="CG8" s="19"/>
      <c r="CH8" s="19"/>
      <c r="CI8" s="19"/>
      <c r="CJ8" s="19"/>
      <c r="CK8" s="19"/>
      <c r="CL8" s="19"/>
      <c r="CM8" s="28"/>
      <c r="CN8" s="92"/>
      <c r="CO8" s="28"/>
      <c r="CP8" s="100"/>
    </row>
    <row r="9" spans="1:94" ht="12" customHeight="1" x14ac:dyDescent="0.2">
      <c r="A9" s="31"/>
      <c r="B9" s="35"/>
      <c r="C9" s="35"/>
      <c r="D9" s="35"/>
      <c r="E9" s="35"/>
      <c r="F9" s="35"/>
      <c r="G9" s="35"/>
      <c r="H9" s="35"/>
      <c r="I9" s="35"/>
      <c r="J9" s="35"/>
      <c r="K9" s="35"/>
      <c r="L9" s="35"/>
      <c r="M9" s="35"/>
      <c r="N9" s="35"/>
      <c r="O9" s="35"/>
      <c r="P9" s="35"/>
      <c r="Q9" s="35"/>
      <c r="R9" s="35"/>
      <c r="S9" s="35"/>
      <c r="T9" s="35"/>
      <c r="U9" s="35"/>
      <c r="V9" s="35"/>
      <c r="W9" s="35"/>
      <c r="X9" s="32"/>
      <c r="Y9" s="27"/>
      <c r="Z9" s="5"/>
      <c r="AA9" s="365"/>
      <c r="AB9" s="365"/>
      <c r="AC9" s="365"/>
      <c r="AD9" s="365"/>
      <c r="AE9" s="365"/>
      <c r="AF9" s="365"/>
      <c r="AG9" s="365"/>
      <c r="AH9" s="365"/>
      <c r="AI9" s="365"/>
      <c r="AJ9" s="365"/>
      <c r="AK9" s="365"/>
      <c r="AL9" s="365"/>
      <c r="AM9" s="365"/>
      <c r="AN9" s="365"/>
      <c r="AO9" s="365"/>
      <c r="AP9" s="365"/>
      <c r="AQ9" s="365"/>
      <c r="AR9" s="28"/>
      <c r="AT9" s="33"/>
      <c r="AU9" s="28"/>
      <c r="AV9" s="34" t="s">
        <v>13</v>
      </c>
      <c r="AW9" s="34"/>
      <c r="AX9" s="34"/>
      <c r="AY9" s="34"/>
      <c r="AZ9" s="34"/>
      <c r="BA9" s="34"/>
      <c r="BB9" s="34"/>
      <c r="BC9" s="34"/>
      <c r="BD9" s="34"/>
      <c r="BE9" s="34"/>
      <c r="BF9" s="34"/>
      <c r="BG9" s="34"/>
      <c r="BH9" s="34"/>
      <c r="BI9" s="34"/>
      <c r="BJ9" s="28"/>
      <c r="BK9" s="28"/>
      <c r="BL9" s="34"/>
      <c r="BM9" s="34"/>
      <c r="BN9" s="34"/>
      <c r="BO9" s="34"/>
      <c r="BP9" s="34" t="s">
        <v>83</v>
      </c>
      <c r="BQ9" s="19"/>
      <c r="BR9" s="34"/>
      <c r="BS9" s="34"/>
      <c r="BT9" s="34"/>
      <c r="BU9" s="34"/>
      <c r="BV9" s="34"/>
      <c r="BW9" s="34"/>
      <c r="BX9" s="34"/>
      <c r="BY9" s="19"/>
      <c r="BZ9" s="19"/>
      <c r="CA9" s="19"/>
      <c r="CB9" s="19"/>
      <c r="CC9" s="19"/>
      <c r="CD9" s="19"/>
      <c r="CE9" s="19"/>
      <c r="CF9" s="19"/>
      <c r="CG9" s="19"/>
      <c r="CH9" s="19"/>
      <c r="CI9" s="19"/>
      <c r="CJ9" s="19"/>
      <c r="CK9" s="19"/>
      <c r="CL9" s="19"/>
      <c r="CM9" s="28"/>
      <c r="CN9" s="92"/>
      <c r="CO9" s="28"/>
      <c r="CP9" s="100"/>
    </row>
    <row r="10" spans="1:94" ht="12" customHeight="1" x14ac:dyDescent="0.2">
      <c r="A10" s="31"/>
      <c r="B10" s="35"/>
      <c r="C10" s="35"/>
      <c r="D10" s="35"/>
      <c r="E10" s="35"/>
      <c r="F10" s="35"/>
      <c r="G10" s="35"/>
      <c r="H10" s="35"/>
      <c r="I10" s="35"/>
      <c r="J10" s="35"/>
      <c r="K10" s="35"/>
      <c r="L10" s="35"/>
      <c r="M10" s="35"/>
      <c r="N10" s="35"/>
      <c r="O10" s="35"/>
      <c r="P10" s="35"/>
      <c r="Q10" s="35"/>
      <c r="R10" s="35"/>
      <c r="S10" s="35"/>
      <c r="T10" s="35"/>
      <c r="U10" s="35"/>
      <c r="V10" s="35"/>
      <c r="W10" s="35"/>
      <c r="X10" s="32"/>
      <c r="Y10" s="27"/>
      <c r="Z10" s="5"/>
      <c r="AA10" s="365"/>
      <c r="AB10" s="365"/>
      <c r="AC10" s="365"/>
      <c r="AD10" s="365"/>
      <c r="AE10" s="365"/>
      <c r="AF10" s="365"/>
      <c r="AG10" s="365"/>
      <c r="AH10" s="365"/>
      <c r="AI10" s="365"/>
      <c r="AJ10" s="365"/>
      <c r="AK10" s="365"/>
      <c r="AL10" s="365"/>
      <c r="AM10" s="365"/>
      <c r="AN10" s="365"/>
      <c r="AO10" s="365"/>
      <c r="AP10" s="365"/>
      <c r="AQ10" s="365"/>
      <c r="AR10" s="28"/>
      <c r="AT10" s="33"/>
      <c r="AU10" s="28"/>
      <c r="AV10" s="34"/>
      <c r="AW10" s="34" t="s">
        <v>130</v>
      </c>
      <c r="AX10" s="34"/>
      <c r="AY10" s="34"/>
      <c r="AZ10" s="34"/>
      <c r="BA10" s="34"/>
      <c r="BB10" s="34"/>
      <c r="BC10" s="34"/>
      <c r="BD10" s="34"/>
      <c r="BE10" s="34"/>
      <c r="BF10" s="34"/>
      <c r="BG10" s="34"/>
      <c r="BH10" s="34"/>
      <c r="BI10" s="34"/>
      <c r="BJ10" s="28"/>
      <c r="BK10" s="28"/>
      <c r="BL10" s="34"/>
      <c r="BM10" s="34"/>
      <c r="BN10" s="34"/>
      <c r="BO10" s="34" t="s">
        <v>14</v>
      </c>
      <c r="BP10" s="19"/>
      <c r="BQ10" s="34"/>
      <c r="BR10" s="34"/>
      <c r="BS10" s="34"/>
      <c r="BT10" s="34"/>
      <c r="BU10" s="34"/>
      <c r="BV10" s="34"/>
      <c r="BW10" s="19"/>
      <c r="BX10" s="19"/>
      <c r="BY10" s="19"/>
      <c r="BZ10" s="34"/>
      <c r="CA10" s="34"/>
      <c r="CB10" s="28"/>
      <c r="CC10" s="34"/>
      <c r="CD10" s="34"/>
      <c r="CE10" s="34"/>
      <c r="CF10" s="34"/>
      <c r="CG10" s="34"/>
      <c r="CH10" s="28"/>
      <c r="CI10" s="28"/>
      <c r="CJ10" s="28"/>
      <c r="CK10" s="28"/>
      <c r="CL10" s="28"/>
      <c r="CM10" s="28"/>
      <c r="CN10" s="92"/>
      <c r="CO10" s="28"/>
      <c r="CP10" s="100"/>
    </row>
    <row r="11" spans="1:94" ht="12" customHeight="1" x14ac:dyDescent="0.2">
      <c r="A11" s="31"/>
      <c r="B11" s="35"/>
      <c r="C11" s="35"/>
      <c r="D11" s="35"/>
      <c r="E11" s="35"/>
      <c r="F11" s="35"/>
      <c r="G11" s="35"/>
      <c r="H11" s="35"/>
      <c r="I11" s="35"/>
      <c r="J11" s="35"/>
      <c r="K11" s="35"/>
      <c r="L11" s="35"/>
      <c r="M11" s="35"/>
      <c r="N11" s="35"/>
      <c r="O11" s="35"/>
      <c r="P11" s="35"/>
      <c r="Q11" s="35"/>
      <c r="R11" s="35"/>
      <c r="S11" s="35"/>
      <c r="T11" s="35"/>
      <c r="U11" s="35"/>
      <c r="V11" s="35"/>
      <c r="W11" s="35"/>
      <c r="X11" s="32"/>
      <c r="Y11" s="27"/>
      <c r="Z11" s="89"/>
      <c r="AA11" s="365"/>
      <c r="AB11" s="365"/>
      <c r="AC11" s="365"/>
      <c r="AD11" s="365"/>
      <c r="AE11" s="365"/>
      <c r="AF11" s="365"/>
      <c r="AG11" s="365"/>
      <c r="AH11" s="365"/>
      <c r="AI11" s="365"/>
      <c r="AJ11" s="365"/>
      <c r="AK11" s="365"/>
      <c r="AL11" s="365"/>
      <c r="AM11" s="365"/>
      <c r="AN11" s="365"/>
      <c r="AO11" s="365"/>
      <c r="AP11" s="365"/>
      <c r="AQ11" s="365"/>
      <c r="AR11" s="144"/>
      <c r="AT11" s="33"/>
      <c r="AU11" s="28"/>
      <c r="AV11" s="19"/>
      <c r="AW11" s="19"/>
      <c r="AX11" s="34"/>
      <c r="AY11" s="34"/>
      <c r="AZ11" s="34"/>
      <c r="BA11" s="34"/>
      <c r="BB11" s="34"/>
      <c r="BC11" s="34"/>
      <c r="BD11" s="34"/>
      <c r="BE11" s="34"/>
      <c r="BF11" s="34"/>
      <c r="BG11" s="34"/>
      <c r="BH11" s="34"/>
      <c r="BI11" s="34"/>
      <c r="BJ11" s="28"/>
      <c r="BK11" s="28"/>
      <c r="BL11" s="34"/>
      <c r="BM11" s="34"/>
      <c r="BN11" s="34"/>
      <c r="BO11" s="19"/>
      <c r="BP11" s="34" t="s">
        <v>133</v>
      </c>
      <c r="BQ11" s="34"/>
      <c r="BR11" s="19"/>
      <c r="BS11" s="19"/>
      <c r="BT11" s="19"/>
      <c r="BU11" s="19"/>
      <c r="BV11" s="19"/>
      <c r="BW11" s="19"/>
      <c r="BX11" s="19"/>
      <c r="BY11" s="19"/>
      <c r="BZ11" s="19"/>
      <c r="CA11" s="19"/>
      <c r="CB11" s="28"/>
      <c r="CC11" s="34"/>
      <c r="CD11" s="34"/>
      <c r="CE11" s="34"/>
      <c r="CF11" s="34"/>
      <c r="CG11" s="34"/>
      <c r="CH11" s="28"/>
      <c r="CI11" s="28"/>
      <c r="CJ11" s="28"/>
      <c r="CK11" s="28"/>
      <c r="CL11" s="28"/>
      <c r="CM11" s="28"/>
      <c r="CN11" s="92"/>
      <c r="CO11" s="28"/>
      <c r="CP11" s="100"/>
    </row>
    <row r="12" spans="1:94" ht="12" customHeight="1" x14ac:dyDescent="0.2">
      <c r="A12" s="31"/>
      <c r="B12" s="35"/>
      <c r="C12" s="35"/>
      <c r="D12" s="35"/>
      <c r="E12" s="35"/>
      <c r="F12" s="35"/>
      <c r="G12" s="35"/>
      <c r="H12" s="35"/>
      <c r="I12" s="35"/>
      <c r="J12" s="35"/>
      <c r="K12" s="35"/>
      <c r="L12" s="35"/>
      <c r="M12" s="35"/>
      <c r="N12" s="35"/>
      <c r="O12" s="35"/>
      <c r="P12" s="35"/>
      <c r="Q12" s="35"/>
      <c r="R12" s="35"/>
      <c r="S12" s="35"/>
      <c r="T12" s="35"/>
      <c r="U12" s="35"/>
      <c r="V12" s="35"/>
      <c r="W12" s="35"/>
      <c r="X12" s="32"/>
      <c r="Y12" s="27"/>
      <c r="Z12" s="86"/>
      <c r="AA12" s="365"/>
      <c r="AB12" s="365"/>
      <c r="AC12" s="365"/>
      <c r="AD12" s="365"/>
      <c r="AE12" s="365"/>
      <c r="AF12" s="365"/>
      <c r="AG12" s="365"/>
      <c r="AH12" s="365"/>
      <c r="AI12" s="365"/>
      <c r="AJ12" s="365"/>
      <c r="AK12" s="365"/>
      <c r="AL12" s="365"/>
      <c r="AM12" s="365"/>
      <c r="AN12" s="365"/>
      <c r="AO12" s="365"/>
      <c r="AP12" s="365"/>
      <c r="AQ12" s="365"/>
      <c r="AR12" s="144"/>
      <c r="AT12" s="33"/>
      <c r="AU12" s="28"/>
      <c r="AV12" s="19"/>
      <c r="AW12" s="19"/>
      <c r="AX12" s="19"/>
      <c r="AY12" s="34"/>
      <c r="AZ12" s="34"/>
      <c r="BA12" s="34"/>
      <c r="BB12" s="34"/>
      <c r="BC12" s="34"/>
      <c r="BD12" s="34"/>
      <c r="BE12" s="34"/>
      <c r="BF12" s="34"/>
      <c r="BG12" s="34"/>
      <c r="BH12" s="34"/>
      <c r="BI12" s="34"/>
      <c r="BJ12" s="28"/>
      <c r="BK12" s="28"/>
      <c r="BL12" s="34"/>
      <c r="BM12" s="34"/>
      <c r="BN12" s="34"/>
      <c r="BO12" s="34"/>
      <c r="BP12" s="34" t="s">
        <v>143</v>
      </c>
      <c r="BQ12" s="34"/>
      <c r="BR12" s="19"/>
      <c r="BS12" s="19"/>
      <c r="BT12" s="19"/>
      <c r="BU12" s="19"/>
      <c r="BV12" s="19"/>
      <c r="BW12" s="19"/>
      <c r="BX12" s="19"/>
      <c r="BY12" s="121" t="s">
        <v>94</v>
      </c>
      <c r="BZ12" s="386"/>
      <c r="CA12" s="386"/>
      <c r="CB12" s="386"/>
      <c r="CC12" s="386"/>
      <c r="CD12" s="386"/>
      <c r="CE12" s="386"/>
      <c r="CF12" s="386"/>
      <c r="CG12" s="386"/>
      <c r="CH12" s="386"/>
      <c r="CI12" s="386"/>
      <c r="CJ12" s="386"/>
      <c r="CK12" s="386"/>
      <c r="CL12" s="120" t="s">
        <v>95</v>
      </c>
      <c r="CM12" s="28"/>
      <c r="CN12" s="92"/>
      <c r="CO12" s="28"/>
      <c r="CP12" s="100"/>
    </row>
    <row r="13" spans="1:94" ht="12" customHeight="1" x14ac:dyDescent="0.2">
      <c r="A13" s="36" t="s">
        <v>15</v>
      </c>
      <c r="B13" s="3"/>
      <c r="C13" s="3"/>
      <c r="D13" s="3"/>
      <c r="E13" s="3"/>
      <c r="F13" s="3"/>
      <c r="G13" s="3"/>
      <c r="H13" s="3"/>
      <c r="I13" s="3"/>
      <c r="J13" s="3"/>
      <c r="K13" s="3"/>
      <c r="L13" s="3"/>
      <c r="M13" s="3"/>
      <c r="N13" s="35"/>
      <c r="O13" s="35"/>
      <c r="P13" s="35"/>
      <c r="Q13" s="35"/>
      <c r="R13" s="35"/>
      <c r="S13" s="35"/>
      <c r="T13" s="35"/>
      <c r="U13" s="35"/>
      <c r="V13" s="35"/>
      <c r="W13" s="35"/>
      <c r="X13" s="32"/>
      <c r="Y13" s="27"/>
      <c r="Z13" s="5"/>
      <c r="AA13" s="104"/>
      <c r="AB13" s="104"/>
      <c r="AC13" s="104"/>
      <c r="AD13" s="105"/>
      <c r="AE13" s="105"/>
      <c r="AF13" s="105"/>
      <c r="AG13" s="105"/>
      <c r="AH13" s="105"/>
      <c r="AI13" s="105"/>
      <c r="AJ13" s="105"/>
      <c r="AK13" s="105"/>
      <c r="AL13" s="105"/>
      <c r="AM13" s="105"/>
      <c r="AN13" s="105"/>
      <c r="AO13" s="105"/>
      <c r="AP13" s="105"/>
      <c r="AQ13" s="105"/>
      <c r="AR13" s="28"/>
      <c r="AT13" s="37" t="s">
        <v>191</v>
      </c>
      <c r="AU13" s="28"/>
      <c r="AV13" s="28"/>
      <c r="AW13" s="34"/>
      <c r="AX13" s="34"/>
      <c r="AY13" s="34"/>
      <c r="AZ13" s="34"/>
      <c r="BA13" s="34"/>
      <c r="BB13" s="34"/>
      <c r="BC13" s="34"/>
      <c r="BD13" s="34"/>
      <c r="BE13" s="34"/>
      <c r="BF13" s="34"/>
      <c r="BG13" s="34"/>
      <c r="BH13" s="34"/>
      <c r="BI13" s="34"/>
      <c r="BJ13" s="28"/>
      <c r="BK13" s="28"/>
      <c r="BL13" s="34"/>
      <c r="BM13" s="34"/>
      <c r="BN13" s="34"/>
      <c r="BO13" s="19"/>
      <c r="BP13" s="19"/>
      <c r="BQ13" s="19"/>
      <c r="BR13" s="19"/>
      <c r="BS13" s="19"/>
      <c r="BT13" s="19"/>
      <c r="BU13" s="19"/>
      <c r="BV13" s="19"/>
      <c r="BW13" s="19"/>
      <c r="BX13" s="19"/>
      <c r="BY13" s="19"/>
      <c r="BZ13" s="19"/>
      <c r="CA13" s="19"/>
      <c r="CB13" s="34"/>
      <c r="CC13" s="34"/>
      <c r="CD13" s="34"/>
      <c r="CE13" s="34"/>
      <c r="CF13" s="34"/>
      <c r="CG13" s="34"/>
      <c r="CH13" s="34"/>
      <c r="CI13" s="34"/>
      <c r="CJ13" s="34"/>
      <c r="CK13" s="34"/>
      <c r="CL13" s="34"/>
      <c r="CM13" s="34"/>
      <c r="CN13" s="93"/>
      <c r="CO13" s="34"/>
      <c r="CP13" s="100"/>
    </row>
    <row r="14" spans="1:94" ht="12" customHeight="1" x14ac:dyDescent="0.2">
      <c r="A14" s="31"/>
      <c r="B14" s="190" t="s">
        <v>16</v>
      </c>
      <c r="C14" s="190"/>
      <c r="D14" s="190"/>
      <c r="E14" s="190"/>
      <c r="F14" s="190"/>
      <c r="G14" s="190"/>
      <c r="H14" s="190"/>
      <c r="I14" s="190"/>
      <c r="J14" s="190"/>
      <c r="K14" s="190"/>
      <c r="L14" s="190"/>
      <c r="M14" s="190"/>
      <c r="N14" s="190"/>
      <c r="O14" s="190"/>
      <c r="P14" s="190"/>
      <c r="Q14" s="190"/>
      <c r="R14" s="190"/>
      <c r="S14" s="190"/>
      <c r="T14" s="190"/>
      <c r="U14" s="190"/>
      <c r="V14" s="190"/>
      <c r="W14" s="190"/>
      <c r="X14" s="32"/>
      <c r="Y14" s="27"/>
      <c r="Z14" s="5"/>
      <c r="AA14" s="104"/>
      <c r="AB14" s="104"/>
      <c r="AC14" s="104"/>
      <c r="AD14" s="105"/>
      <c r="AE14" s="105"/>
      <c r="AF14" s="105"/>
      <c r="AG14" s="105"/>
      <c r="AH14" s="105"/>
      <c r="AI14" s="105"/>
      <c r="AJ14" s="105"/>
      <c r="AK14" s="105"/>
      <c r="AL14" s="105"/>
      <c r="AM14" s="105"/>
      <c r="AN14" s="105"/>
      <c r="AO14" s="105"/>
      <c r="AP14" s="105"/>
      <c r="AQ14" s="105"/>
      <c r="AR14" s="28"/>
      <c r="AT14" s="29"/>
      <c r="AU14" s="28" t="s">
        <v>17</v>
      </c>
      <c r="AV14" s="28"/>
      <c r="AW14" s="34"/>
      <c r="AX14" s="34"/>
      <c r="AY14" s="34"/>
      <c r="AZ14" s="34"/>
      <c r="BA14" s="34"/>
      <c r="BB14" s="34"/>
      <c r="BC14" s="34"/>
      <c r="BD14" s="34"/>
      <c r="BE14" s="34"/>
      <c r="BF14" s="34"/>
      <c r="BG14" s="34"/>
      <c r="BH14" s="34"/>
      <c r="BI14" s="34"/>
      <c r="BJ14" s="34"/>
      <c r="BK14" s="34"/>
      <c r="BL14" s="34"/>
      <c r="BM14" s="34"/>
      <c r="BN14" s="34"/>
      <c r="BO14" s="34"/>
      <c r="BP14" s="34"/>
      <c r="BQ14" s="34"/>
      <c r="BR14" s="34"/>
      <c r="BS14" s="34"/>
      <c r="BT14" s="34"/>
      <c r="BU14" s="34"/>
      <c r="BV14" s="34"/>
      <c r="BW14" s="34"/>
      <c r="BX14" s="34"/>
      <c r="BY14" s="34"/>
      <c r="BZ14" s="34"/>
      <c r="CA14" s="34"/>
      <c r="CB14" s="34"/>
      <c r="CC14" s="34"/>
      <c r="CD14" s="34"/>
      <c r="CE14" s="34"/>
      <c r="CF14" s="34"/>
      <c r="CG14" s="28"/>
      <c r="CH14" s="34"/>
      <c r="CI14" s="34"/>
      <c r="CJ14" s="34"/>
      <c r="CK14" s="34"/>
      <c r="CL14" s="34"/>
      <c r="CM14" s="28"/>
      <c r="CN14" s="92"/>
      <c r="CO14" s="34"/>
      <c r="CP14" s="100"/>
    </row>
    <row r="15" spans="1:94" ht="12" customHeight="1" x14ac:dyDescent="0.2">
      <c r="A15" s="31"/>
      <c r="B15" s="190"/>
      <c r="C15" s="190"/>
      <c r="D15" s="190"/>
      <c r="E15" s="190"/>
      <c r="F15" s="190"/>
      <c r="G15" s="190"/>
      <c r="H15" s="190"/>
      <c r="I15" s="190"/>
      <c r="J15" s="190"/>
      <c r="K15" s="190"/>
      <c r="L15" s="190"/>
      <c r="M15" s="190"/>
      <c r="N15" s="190"/>
      <c r="O15" s="190"/>
      <c r="P15" s="190"/>
      <c r="Q15" s="190"/>
      <c r="R15" s="190"/>
      <c r="S15" s="190"/>
      <c r="T15" s="190"/>
      <c r="U15" s="190"/>
      <c r="V15" s="190"/>
      <c r="W15" s="190"/>
      <c r="X15" s="32"/>
      <c r="Y15" s="27"/>
      <c r="Z15" s="5"/>
      <c r="AA15" s="101"/>
      <c r="AB15" s="101"/>
      <c r="AC15" s="101"/>
      <c r="AD15" s="88"/>
      <c r="AE15" s="88"/>
      <c r="AF15" s="88"/>
      <c r="AG15" s="88"/>
      <c r="AH15" s="88"/>
      <c r="AI15" s="88"/>
      <c r="AJ15" s="88"/>
      <c r="AK15" s="88"/>
      <c r="AL15" s="88"/>
      <c r="AM15" s="88"/>
      <c r="AN15" s="88"/>
      <c r="AO15" s="88"/>
      <c r="AP15" s="88"/>
      <c r="AQ15" s="88"/>
      <c r="AR15" s="28"/>
      <c r="AT15" s="151"/>
      <c r="AU15" s="19"/>
      <c r="AV15" s="19"/>
      <c r="AW15" s="28"/>
      <c r="AX15" s="28"/>
      <c r="AY15" s="28"/>
      <c r="AZ15" s="28"/>
      <c r="BA15" s="28"/>
      <c r="BB15" s="28"/>
      <c r="BC15" s="28"/>
      <c r="BD15" s="28"/>
      <c r="BE15" s="28"/>
      <c r="BF15" s="28"/>
      <c r="BG15" s="28"/>
      <c r="BH15" s="28"/>
      <c r="BI15" s="28"/>
      <c r="BJ15" s="28"/>
      <c r="BK15" s="28"/>
      <c r="BL15" s="28"/>
      <c r="BM15" s="28"/>
      <c r="BN15" s="28"/>
      <c r="BO15" s="28"/>
      <c r="BP15" s="28"/>
      <c r="BQ15" s="28"/>
      <c r="BR15" s="28"/>
      <c r="BS15" s="28"/>
      <c r="BT15" s="28"/>
      <c r="BU15" s="28"/>
      <c r="BV15" s="28"/>
      <c r="BW15" s="28"/>
      <c r="BX15" s="28"/>
      <c r="BY15" s="28"/>
      <c r="BZ15" s="28"/>
      <c r="CA15" s="28"/>
      <c r="CB15" s="28"/>
      <c r="CC15" s="28"/>
      <c r="CD15" s="28"/>
      <c r="CE15" s="28"/>
      <c r="CF15" s="28"/>
      <c r="CG15" s="28"/>
      <c r="CH15" s="28"/>
      <c r="CI15" s="28"/>
      <c r="CJ15" s="28"/>
      <c r="CK15" s="28"/>
      <c r="CL15" s="28"/>
      <c r="CM15" s="28"/>
      <c r="CN15" s="92"/>
      <c r="CO15" s="28"/>
      <c r="CP15" s="100"/>
    </row>
    <row r="16" spans="1:94" ht="12" customHeight="1" x14ac:dyDescent="0.2">
      <c r="A16" s="31"/>
      <c r="B16" s="35"/>
      <c r="C16" s="35"/>
      <c r="D16" s="35"/>
      <c r="E16" s="35"/>
      <c r="F16" s="35"/>
      <c r="G16" s="35"/>
      <c r="H16" s="35"/>
      <c r="I16" s="35"/>
      <c r="J16" s="35"/>
      <c r="K16" s="35"/>
      <c r="L16" s="35"/>
      <c r="M16" s="35"/>
      <c r="N16" s="35"/>
      <c r="O16" s="35"/>
      <c r="P16" s="35"/>
      <c r="Q16" s="35"/>
      <c r="R16" s="35"/>
      <c r="S16" s="35"/>
      <c r="T16" s="35"/>
      <c r="U16" s="35"/>
      <c r="V16" s="35"/>
      <c r="W16" s="35"/>
      <c r="X16" s="32"/>
      <c r="Y16" s="27"/>
      <c r="Z16" s="27"/>
      <c r="AA16" s="27"/>
      <c r="AB16" s="27"/>
      <c r="AC16" s="27"/>
      <c r="AD16" s="27"/>
      <c r="AE16" s="27"/>
      <c r="AF16" s="27"/>
      <c r="AG16" s="27"/>
      <c r="AH16" s="27"/>
      <c r="AI16" s="27"/>
      <c r="AJ16" s="27"/>
      <c r="AK16" s="27"/>
      <c r="AL16" s="27"/>
      <c r="AM16" s="27"/>
      <c r="AN16" s="27"/>
      <c r="AO16" s="27"/>
      <c r="AP16" s="27"/>
      <c r="AQ16" s="27"/>
      <c r="AT16" s="37" t="s">
        <v>192</v>
      </c>
      <c r="AU16" s="28"/>
      <c r="AV16" s="28"/>
      <c r="AW16" s="28"/>
      <c r="AX16" s="28"/>
      <c r="AY16" s="28"/>
      <c r="AZ16" s="28"/>
      <c r="BA16" s="28"/>
      <c r="BB16" s="28"/>
      <c r="BC16" s="28"/>
      <c r="BD16" s="28"/>
      <c r="BE16" s="28"/>
      <c r="BF16" s="28"/>
      <c r="BG16" s="28"/>
      <c r="BH16" s="28"/>
      <c r="BI16" s="28"/>
      <c r="BJ16" s="28"/>
      <c r="BK16" s="28"/>
      <c r="BL16" s="28"/>
      <c r="BM16" s="28"/>
      <c r="BN16" s="28"/>
      <c r="BO16" s="28"/>
      <c r="BP16" s="28"/>
      <c r="BQ16" s="28"/>
      <c r="BR16" s="28"/>
      <c r="BS16" s="28"/>
      <c r="BT16" s="28"/>
      <c r="BU16" s="28"/>
      <c r="BV16" s="28"/>
      <c r="BW16" s="28"/>
      <c r="BX16" s="28"/>
      <c r="BY16" s="28"/>
      <c r="BZ16" s="28"/>
      <c r="CA16" s="28"/>
      <c r="CB16" s="28"/>
      <c r="CC16" s="28"/>
      <c r="CD16" s="28"/>
      <c r="CE16" s="28"/>
      <c r="CF16" s="28"/>
      <c r="CG16" s="28"/>
      <c r="CH16" s="28"/>
      <c r="CI16" s="28"/>
      <c r="CJ16" s="28"/>
      <c r="CK16" s="28"/>
      <c r="CL16" s="28"/>
      <c r="CM16" s="28"/>
      <c r="CN16" s="92"/>
      <c r="CO16" s="28"/>
      <c r="CP16" s="100"/>
    </row>
    <row r="17" spans="1:104" ht="12" customHeight="1" x14ac:dyDescent="0.2">
      <c r="A17" s="38" t="s">
        <v>96</v>
      </c>
      <c r="B17" s="35"/>
      <c r="C17" s="35"/>
      <c r="D17" s="35"/>
      <c r="E17" s="35"/>
      <c r="F17" s="35"/>
      <c r="G17" s="35"/>
      <c r="H17" s="35"/>
      <c r="I17" s="35"/>
      <c r="J17" s="35"/>
      <c r="K17" s="35"/>
      <c r="L17" s="35"/>
      <c r="M17" s="35"/>
      <c r="N17" s="35"/>
      <c r="O17" s="35"/>
      <c r="P17" s="35"/>
      <c r="Q17" s="35"/>
      <c r="R17" s="35"/>
      <c r="S17" s="35"/>
      <c r="T17" s="35"/>
      <c r="U17" s="35"/>
      <c r="V17" s="35"/>
      <c r="W17" s="35"/>
      <c r="X17" s="32"/>
      <c r="Y17" s="27"/>
      <c r="AT17" s="29"/>
      <c r="AU17" s="366" t="s">
        <v>146</v>
      </c>
      <c r="AV17" s="366"/>
      <c r="AW17" s="366"/>
      <c r="AX17" s="366"/>
      <c r="AY17" s="366"/>
      <c r="AZ17" s="366"/>
      <c r="BA17" s="366"/>
      <c r="BB17" s="366"/>
      <c r="BC17" s="366"/>
      <c r="BD17" s="366"/>
      <c r="BE17" s="366"/>
      <c r="BF17" s="366"/>
      <c r="BG17" s="366"/>
      <c r="BH17" s="366"/>
      <c r="BI17" s="366"/>
      <c r="BJ17" s="366"/>
      <c r="BK17" s="366"/>
      <c r="BL17" s="366"/>
      <c r="BM17" s="366"/>
      <c r="BN17" s="366"/>
      <c r="BO17" s="366"/>
      <c r="BP17" s="366"/>
      <c r="BQ17" s="366"/>
      <c r="BR17" s="366"/>
      <c r="BS17" s="366"/>
      <c r="BT17" s="366"/>
      <c r="BU17" s="366"/>
      <c r="BV17" s="366"/>
      <c r="BW17" s="366"/>
      <c r="BX17" s="366"/>
      <c r="BY17" s="366"/>
      <c r="BZ17" s="366"/>
      <c r="CA17" s="366"/>
      <c r="CB17" s="366"/>
      <c r="CC17" s="366"/>
      <c r="CD17" s="366"/>
      <c r="CE17" s="366"/>
      <c r="CF17" s="366"/>
      <c r="CG17" s="366"/>
      <c r="CH17" s="366"/>
      <c r="CI17" s="366"/>
      <c r="CJ17" s="366"/>
      <c r="CK17" s="366"/>
      <c r="CL17" s="366"/>
      <c r="CM17" s="366"/>
      <c r="CN17" s="367"/>
      <c r="CO17" s="28"/>
      <c r="CP17" s="100"/>
    </row>
    <row r="18" spans="1:104" ht="12" customHeight="1" x14ac:dyDescent="0.2">
      <c r="A18" s="31"/>
      <c r="B18" s="320" t="s">
        <v>226</v>
      </c>
      <c r="C18" s="394"/>
      <c r="D18" s="394"/>
      <c r="E18" s="394"/>
      <c r="F18" s="394"/>
      <c r="G18" s="394"/>
      <c r="H18" s="394"/>
      <c r="I18" s="394"/>
      <c r="J18" s="394"/>
      <c r="K18" s="394"/>
      <c r="L18" s="394"/>
      <c r="M18" s="394"/>
      <c r="N18" s="394"/>
      <c r="O18" s="394"/>
      <c r="P18" s="394"/>
      <c r="Q18" s="394"/>
      <c r="R18" s="394"/>
      <c r="S18" s="394"/>
      <c r="T18" s="394"/>
      <c r="U18" s="394"/>
      <c r="V18" s="394"/>
      <c r="W18" s="394"/>
      <c r="X18" s="32"/>
      <c r="Y18" s="27"/>
      <c r="AT18" s="29"/>
      <c r="AU18" s="366"/>
      <c r="AV18" s="366"/>
      <c r="AW18" s="366"/>
      <c r="AX18" s="366"/>
      <c r="AY18" s="366"/>
      <c r="AZ18" s="366"/>
      <c r="BA18" s="366"/>
      <c r="BB18" s="366"/>
      <c r="BC18" s="366"/>
      <c r="BD18" s="366"/>
      <c r="BE18" s="366"/>
      <c r="BF18" s="366"/>
      <c r="BG18" s="366"/>
      <c r="BH18" s="366"/>
      <c r="BI18" s="366"/>
      <c r="BJ18" s="366"/>
      <c r="BK18" s="366"/>
      <c r="BL18" s="366"/>
      <c r="BM18" s="366"/>
      <c r="BN18" s="366"/>
      <c r="BO18" s="366"/>
      <c r="BP18" s="366"/>
      <c r="BQ18" s="366"/>
      <c r="BR18" s="366"/>
      <c r="BS18" s="366"/>
      <c r="BT18" s="366"/>
      <c r="BU18" s="366"/>
      <c r="BV18" s="366"/>
      <c r="BW18" s="366"/>
      <c r="BX18" s="366"/>
      <c r="BY18" s="366"/>
      <c r="BZ18" s="366"/>
      <c r="CA18" s="366"/>
      <c r="CB18" s="366"/>
      <c r="CC18" s="366"/>
      <c r="CD18" s="366"/>
      <c r="CE18" s="366"/>
      <c r="CF18" s="366"/>
      <c r="CG18" s="366"/>
      <c r="CH18" s="366"/>
      <c r="CI18" s="366"/>
      <c r="CJ18" s="366"/>
      <c r="CK18" s="366"/>
      <c r="CL18" s="366"/>
      <c r="CM18" s="366"/>
      <c r="CN18" s="367"/>
      <c r="CO18" s="28"/>
      <c r="CP18" s="100"/>
    </row>
    <row r="19" spans="1:104" ht="12" customHeight="1" x14ac:dyDescent="0.2">
      <c r="A19" s="31"/>
      <c r="B19" s="394"/>
      <c r="C19" s="394"/>
      <c r="D19" s="394"/>
      <c r="E19" s="394"/>
      <c r="F19" s="394"/>
      <c r="G19" s="394"/>
      <c r="H19" s="394"/>
      <c r="I19" s="394"/>
      <c r="J19" s="394"/>
      <c r="K19" s="394"/>
      <c r="L19" s="394"/>
      <c r="M19" s="394"/>
      <c r="N19" s="394"/>
      <c r="O19" s="394"/>
      <c r="P19" s="394"/>
      <c r="Q19" s="394"/>
      <c r="R19" s="394"/>
      <c r="S19" s="394"/>
      <c r="T19" s="394"/>
      <c r="U19" s="394"/>
      <c r="V19" s="394"/>
      <c r="W19" s="394"/>
      <c r="X19" s="32"/>
      <c r="Y19" s="27"/>
      <c r="AT19" s="151"/>
      <c r="AU19" s="19"/>
      <c r="AV19" s="19"/>
      <c r="AW19" s="19"/>
      <c r="AX19" s="19"/>
      <c r="AY19" s="19"/>
      <c r="AZ19" s="19"/>
      <c r="BA19" s="19"/>
      <c r="BB19" s="19"/>
      <c r="BC19" s="19"/>
      <c r="BD19" s="19"/>
      <c r="BE19" s="19"/>
      <c r="BF19" s="19"/>
      <c r="BG19" s="19"/>
      <c r="BH19" s="19"/>
      <c r="BI19" s="19"/>
      <c r="BJ19" s="19"/>
      <c r="BK19" s="19"/>
      <c r="BL19" s="19"/>
      <c r="BM19" s="19"/>
      <c r="BN19" s="19"/>
      <c r="BO19" s="19"/>
      <c r="BP19" s="19"/>
      <c r="BQ19" s="19"/>
      <c r="BR19" s="19"/>
      <c r="BS19" s="19"/>
      <c r="BT19" s="19"/>
      <c r="BU19" s="19"/>
      <c r="BV19" s="19"/>
      <c r="BW19" s="19"/>
      <c r="BX19" s="19"/>
      <c r="BY19" s="19"/>
      <c r="BZ19" s="19"/>
      <c r="CA19" s="19"/>
      <c r="CB19" s="19"/>
      <c r="CC19" s="19"/>
      <c r="CD19" s="19"/>
      <c r="CE19" s="19"/>
      <c r="CF19" s="19"/>
      <c r="CG19" s="19"/>
      <c r="CH19" s="19"/>
      <c r="CI19" s="19"/>
      <c r="CJ19" s="19"/>
      <c r="CK19" s="19"/>
      <c r="CL19" s="19"/>
      <c r="CM19" s="19"/>
      <c r="CN19" s="148"/>
      <c r="CO19" s="28"/>
      <c r="CP19" s="100"/>
    </row>
    <row r="20" spans="1:104" ht="12" customHeight="1" x14ac:dyDescent="0.2">
      <c r="A20" s="31"/>
      <c r="B20" s="394"/>
      <c r="C20" s="394"/>
      <c r="D20" s="394"/>
      <c r="E20" s="394"/>
      <c r="F20" s="394"/>
      <c r="G20" s="394"/>
      <c r="H20" s="394"/>
      <c r="I20" s="394"/>
      <c r="J20" s="394"/>
      <c r="K20" s="394"/>
      <c r="L20" s="394"/>
      <c r="M20" s="394"/>
      <c r="N20" s="394"/>
      <c r="O20" s="394"/>
      <c r="P20" s="394"/>
      <c r="Q20" s="394"/>
      <c r="R20" s="394"/>
      <c r="S20" s="394"/>
      <c r="T20" s="394"/>
      <c r="U20" s="394"/>
      <c r="V20" s="394"/>
      <c r="W20" s="394"/>
      <c r="X20" s="32"/>
      <c r="Y20" s="27"/>
      <c r="AT20" s="37" t="s">
        <v>193</v>
      </c>
      <c r="AU20" s="28"/>
      <c r="AV20" s="28"/>
      <c r="AW20" s="28"/>
      <c r="AX20" s="28"/>
      <c r="AY20" s="28"/>
      <c r="AZ20" s="28"/>
      <c r="BA20" s="28"/>
      <c r="BB20" s="28"/>
      <c r="BC20" s="28"/>
      <c r="BD20" s="28"/>
      <c r="BE20" s="28"/>
      <c r="BF20" s="28"/>
      <c r="BG20" s="28"/>
      <c r="BH20" s="28"/>
      <c r="BI20" s="28"/>
      <c r="BJ20" s="28"/>
      <c r="BK20" s="28"/>
      <c r="BL20" s="28"/>
      <c r="BM20" s="28"/>
      <c r="BN20" s="28"/>
      <c r="BO20" s="28"/>
      <c r="BP20" s="28"/>
      <c r="BQ20" s="28"/>
      <c r="BR20" s="28"/>
      <c r="BS20" s="28"/>
      <c r="BT20" s="28"/>
      <c r="BU20" s="28"/>
      <c r="BV20" s="28"/>
      <c r="BW20" s="28"/>
      <c r="BX20" s="28"/>
      <c r="BY20" s="28"/>
      <c r="BZ20" s="28"/>
      <c r="CA20" s="28"/>
      <c r="CB20" s="28"/>
      <c r="CC20" s="28"/>
      <c r="CD20" s="28"/>
      <c r="CE20" s="28"/>
      <c r="CF20" s="28"/>
      <c r="CG20" s="28"/>
      <c r="CH20" s="28"/>
      <c r="CI20" s="28"/>
      <c r="CJ20" s="28"/>
      <c r="CK20" s="28"/>
      <c r="CL20" s="28"/>
      <c r="CM20" s="28"/>
      <c r="CN20" s="92"/>
      <c r="CO20" s="30"/>
      <c r="CP20" s="100"/>
    </row>
    <row r="21" spans="1:104" ht="12" customHeight="1" x14ac:dyDescent="0.2">
      <c r="A21" s="31"/>
      <c r="B21" s="368"/>
      <c r="C21" s="294"/>
      <c r="D21" s="294"/>
      <c r="E21" s="294"/>
      <c r="F21" s="294"/>
      <c r="G21" s="294"/>
      <c r="H21" s="294"/>
      <c r="I21" s="294"/>
      <c r="J21" s="294"/>
      <c r="K21" s="294"/>
      <c r="L21" s="294"/>
      <c r="M21" s="294"/>
      <c r="N21" s="294"/>
      <c r="O21" s="294"/>
      <c r="P21" s="294"/>
      <c r="Q21" s="294"/>
      <c r="R21" s="294"/>
      <c r="S21" s="294"/>
      <c r="T21" s="294"/>
      <c r="U21" s="294"/>
      <c r="V21" s="294"/>
      <c r="W21" s="294"/>
      <c r="X21" s="32"/>
      <c r="Y21" s="16"/>
      <c r="Z21" s="16"/>
      <c r="AA21" s="27"/>
      <c r="AB21" s="27"/>
      <c r="AC21" s="27"/>
      <c r="AD21" s="27"/>
      <c r="AE21" s="27"/>
      <c r="AF21" s="27"/>
      <c r="AG21" s="27"/>
      <c r="AH21" s="27"/>
      <c r="AI21" s="27"/>
      <c r="AJ21" s="27"/>
      <c r="AK21" s="27"/>
      <c r="AL21" s="27"/>
      <c r="AM21" s="27"/>
      <c r="AN21" s="27"/>
      <c r="AO21" s="27"/>
      <c r="AP21" s="27"/>
      <c r="AQ21" s="27"/>
      <c r="AT21" s="29"/>
      <c r="AU21" s="366" t="s">
        <v>215</v>
      </c>
      <c r="AV21" s="366"/>
      <c r="AW21" s="366"/>
      <c r="AX21" s="366"/>
      <c r="AY21" s="366"/>
      <c r="AZ21" s="366"/>
      <c r="BA21" s="366"/>
      <c r="BB21" s="366"/>
      <c r="BC21" s="366"/>
      <c r="BD21" s="366"/>
      <c r="BE21" s="366"/>
      <c r="BF21" s="366"/>
      <c r="BG21" s="366"/>
      <c r="BH21" s="366"/>
      <c r="BI21" s="366"/>
      <c r="BJ21" s="366"/>
      <c r="BK21" s="366"/>
      <c r="BL21" s="366"/>
      <c r="BM21" s="366"/>
      <c r="BN21" s="366"/>
      <c r="BO21" s="366"/>
      <c r="BP21" s="366"/>
      <c r="BQ21" s="366"/>
      <c r="BR21" s="366"/>
      <c r="BS21" s="366"/>
      <c r="BT21" s="366"/>
      <c r="BU21" s="366"/>
      <c r="BV21" s="366"/>
      <c r="BW21" s="366"/>
      <c r="BX21" s="366"/>
      <c r="BY21" s="366"/>
      <c r="BZ21" s="366"/>
      <c r="CA21" s="366"/>
      <c r="CB21" s="366"/>
      <c r="CC21" s="366"/>
      <c r="CD21" s="366"/>
      <c r="CE21" s="366"/>
      <c r="CF21" s="366"/>
      <c r="CG21" s="366"/>
      <c r="CH21" s="366"/>
      <c r="CI21" s="366"/>
      <c r="CJ21" s="366"/>
      <c r="CK21" s="366"/>
      <c r="CL21" s="366"/>
      <c r="CM21" s="366"/>
      <c r="CN21" s="367"/>
      <c r="CO21" s="30"/>
      <c r="CP21" s="100"/>
    </row>
    <row r="22" spans="1:104" ht="12" customHeight="1" x14ac:dyDescent="0.2">
      <c r="A22" s="31"/>
      <c r="B22" s="294"/>
      <c r="C22" s="294"/>
      <c r="D22" s="294"/>
      <c r="E22" s="294"/>
      <c r="F22" s="294"/>
      <c r="G22" s="294"/>
      <c r="H22" s="294"/>
      <c r="I22" s="294"/>
      <c r="J22" s="294"/>
      <c r="K22" s="294"/>
      <c r="L22" s="294"/>
      <c r="M22" s="294"/>
      <c r="N22" s="294"/>
      <c r="O22" s="294"/>
      <c r="P22" s="294"/>
      <c r="Q22" s="294"/>
      <c r="R22" s="294"/>
      <c r="S22" s="294"/>
      <c r="T22" s="294"/>
      <c r="U22" s="294"/>
      <c r="V22" s="294"/>
      <c r="W22" s="294"/>
      <c r="X22" s="32"/>
      <c r="Y22" s="16"/>
      <c r="Z22" s="27"/>
      <c r="AA22" s="387" t="s">
        <v>144</v>
      </c>
      <c r="AB22" s="387"/>
      <c r="AC22" s="387"/>
      <c r="AD22" s="387"/>
      <c r="AE22" s="387"/>
      <c r="AF22" s="387"/>
      <c r="AG22" s="387"/>
      <c r="AH22" s="387"/>
      <c r="AI22" s="387"/>
      <c r="AJ22" s="387"/>
      <c r="AK22" s="387"/>
      <c r="AL22" s="387"/>
      <c r="AM22" s="387"/>
      <c r="AN22" s="387"/>
      <c r="AO22" s="387"/>
      <c r="AP22" s="387"/>
      <c r="AQ22" s="387"/>
      <c r="AR22" s="16"/>
      <c r="AS22" s="16"/>
      <c r="AT22" s="29"/>
      <c r="AU22" s="366"/>
      <c r="AV22" s="366"/>
      <c r="AW22" s="366"/>
      <c r="AX22" s="366"/>
      <c r="AY22" s="366"/>
      <c r="AZ22" s="366"/>
      <c r="BA22" s="366"/>
      <c r="BB22" s="366"/>
      <c r="BC22" s="366"/>
      <c r="BD22" s="366"/>
      <c r="BE22" s="366"/>
      <c r="BF22" s="366"/>
      <c r="BG22" s="366"/>
      <c r="BH22" s="366"/>
      <c r="BI22" s="366"/>
      <c r="BJ22" s="366"/>
      <c r="BK22" s="366"/>
      <c r="BL22" s="366"/>
      <c r="BM22" s="366"/>
      <c r="BN22" s="366"/>
      <c r="BO22" s="366"/>
      <c r="BP22" s="366"/>
      <c r="BQ22" s="366"/>
      <c r="BR22" s="366"/>
      <c r="BS22" s="366"/>
      <c r="BT22" s="366"/>
      <c r="BU22" s="366"/>
      <c r="BV22" s="366"/>
      <c r="BW22" s="366"/>
      <c r="BX22" s="366"/>
      <c r="BY22" s="366"/>
      <c r="BZ22" s="366"/>
      <c r="CA22" s="366"/>
      <c r="CB22" s="366"/>
      <c r="CC22" s="366"/>
      <c r="CD22" s="366"/>
      <c r="CE22" s="366"/>
      <c r="CF22" s="366"/>
      <c r="CG22" s="366"/>
      <c r="CH22" s="366"/>
      <c r="CI22" s="366"/>
      <c r="CJ22" s="366"/>
      <c r="CK22" s="366"/>
      <c r="CL22" s="366"/>
      <c r="CM22" s="366"/>
      <c r="CN22" s="367"/>
      <c r="CO22" s="28"/>
      <c r="CP22" s="100"/>
    </row>
    <row r="23" spans="1:104" ht="12" customHeight="1" x14ac:dyDescent="0.2">
      <c r="A23" s="31"/>
      <c r="B23" s="3"/>
      <c r="C23" s="369" t="s">
        <v>18</v>
      </c>
      <c r="D23" s="370"/>
      <c r="E23" s="370"/>
      <c r="F23" s="370"/>
      <c r="G23" s="370"/>
      <c r="H23" s="371"/>
      <c r="I23" s="372" t="s">
        <v>19</v>
      </c>
      <c r="J23" s="370"/>
      <c r="K23" s="370"/>
      <c r="L23" s="370"/>
      <c r="M23" s="373" t="s">
        <v>18</v>
      </c>
      <c r="N23" s="370"/>
      <c r="O23" s="370"/>
      <c r="P23" s="370"/>
      <c r="Q23" s="370"/>
      <c r="R23" s="371"/>
      <c r="S23" s="372" t="s">
        <v>19</v>
      </c>
      <c r="T23" s="370"/>
      <c r="U23" s="370"/>
      <c r="V23" s="374"/>
      <c r="W23" s="3"/>
      <c r="X23" s="40"/>
      <c r="Y23" s="27"/>
      <c r="Z23" s="27"/>
      <c r="AA23" s="387"/>
      <c r="AB23" s="387"/>
      <c r="AC23" s="387"/>
      <c r="AD23" s="387"/>
      <c r="AE23" s="387"/>
      <c r="AF23" s="387"/>
      <c r="AG23" s="387"/>
      <c r="AH23" s="387"/>
      <c r="AI23" s="387"/>
      <c r="AJ23" s="387"/>
      <c r="AK23" s="387"/>
      <c r="AL23" s="387"/>
      <c r="AM23" s="387"/>
      <c r="AN23" s="387"/>
      <c r="AO23" s="387"/>
      <c r="AP23" s="387"/>
      <c r="AQ23" s="387"/>
      <c r="AR23" s="27"/>
      <c r="AS23" s="27"/>
      <c r="AT23" s="151"/>
      <c r="AU23" s="19"/>
      <c r="AV23" s="155"/>
      <c r="AW23" s="156" t="s">
        <v>103</v>
      </c>
      <c r="AX23" s="155"/>
      <c r="AY23" s="155"/>
      <c r="AZ23" s="155"/>
      <c r="BA23" s="155"/>
      <c r="BB23" s="155"/>
      <c r="BC23" s="156" t="s">
        <v>151</v>
      </c>
      <c r="BD23" s="155"/>
      <c r="BE23" s="155"/>
      <c r="BF23" s="155"/>
      <c r="BG23" s="155"/>
      <c r="BH23" s="155"/>
      <c r="BI23" s="156" t="s">
        <v>152</v>
      </c>
      <c r="BJ23" s="155"/>
      <c r="BK23" s="155"/>
      <c r="BL23" s="155"/>
      <c r="BM23" s="155"/>
      <c r="BN23" s="155"/>
      <c r="BO23" s="156" t="s">
        <v>156</v>
      </c>
      <c r="BP23" s="157"/>
      <c r="BQ23" s="157"/>
      <c r="BR23" s="157"/>
      <c r="BS23" s="157"/>
      <c r="BT23" s="157"/>
      <c r="BU23" s="156" t="s">
        <v>157</v>
      </c>
      <c r="BV23" s="155"/>
      <c r="BW23" s="155"/>
      <c r="BX23" s="155"/>
      <c r="BY23" s="155"/>
      <c r="BZ23" s="155"/>
      <c r="CA23" s="156" t="s">
        <v>158</v>
      </c>
      <c r="CB23" s="156"/>
      <c r="CC23" s="155"/>
      <c r="CD23" s="155"/>
      <c r="CE23" s="155"/>
      <c r="CF23" s="155"/>
      <c r="CG23" s="156" t="s">
        <v>159</v>
      </c>
      <c r="CJ23" s="157"/>
      <c r="CK23" s="155"/>
      <c r="CL23" s="155"/>
      <c r="CM23" s="155"/>
      <c r="CN23" s="148"/>
      <c r="CO23" s="28"/>
      <c r="CP23" s="100"/>
    </row>
    <row r="24" spans="1:104" ht="12" customHeight="1" x14ac:dyDescent="0.2">
      <c r="A24" s="31"/>
      <c r="B24" s="3"/>
      <c r="C24" s="41"/>
      <c r="D24" s="42" t="s">
        <v>20</v>
      </c>
      <c r="E24" s="42"/>
      <c r="F24" s="42"/>
      <c r="G24" s="42"/>
      <c r="H24" s="43"/>
      <c r="I24" s="388" t="s">
        <v>97</v>
      </c>
      <c r="J24" s="389"/>
      <c r="K24" s="389"/>
      <c r="L24" s="389"/>
      <c r="M24" s="44"/>
      <c r="N24" s="45" t="s">
        <v>21</v>
      </c>
      <c r="O24" s="45"/>
      <c r="P24" s="46"/>
      <c r="Q24" s="46"/>
      <c r="R24" s="47"/>
      <c r="S24" s="388" t="s">
        <v>98</v>
      </c>
      <c r="T24" s="389"/>
      <c r="U24" s="389"/>
      <c r="V24" s="390"/>
      <c r="W24" s="3"/>
      <c r="X24" s="40"/>
      <c r="Y24" s="27"/>
      <c r="Z24" s="27"/>
      <c r="AA24" s="387"/>
      <c r="AB24" s="387"/>
      <c r="AC24" s="387"/>
      <c r="AD24" s="387"/>
      <c r="AE24" s="387"/>
      <c r="AF24" s="387"/>
      <c r="AG24" s="387"/>
      <c r="AH24" s="387"/>
      <c r="AI24" s="387"/>
      <c r="AJ24" s="387"/>
      <c r="AK24" s="387"/>
      <c r="AL24" s="387"/>
      <c r="AM24" s="387"/>
      <c r="AN24" s="387"/>
      <c r="AO24" s="387"/>
      <c r="AP24" s="387"/>
      <c r="AQ24" s="387"/>
      <c r="AR24" s="27"/>
      <c r="AS24" s="27"/>
      <c r="AT24" s="151"/>
      <c r="AU24" s="19"/>
      <c r="AV24" s="155"/>
      <c r="AW24" s="156" t="s">
        <v>160</v>
      </c>
      <c r="AX24" s="157"/>
      <c r="AY24" s="157"/>
      <c r="AZ24" s="157"/>
      <c r="BA24" s="157"/>
      <c r="BB24" s="157"/>
      <c r="BC24" s="156" t="s">
        <v>134</v>
      </c>
      <c r="BD24" s="155"/>
      <c r="BE24" s="155"/>
      <c r="BF24" s="155"/>
      <c r="BG24" s="155"/>
      <c r="BH24" s="155"/>
      <c r="BI24" s="158" t="s">
        <v>161</v>
      </c>
      <c r="BJ24" s="155"/>
      <c r="BK24" s="155"/>
      <c r="BL24" s="155"/>
      <c r="BM24" s="155"/>
      <c r="BN24" s="155"/>
      <c r="BO24" s="156" t="s">
        <v>162</v>
      </c>
      <c r="BP24" s="155"/>
      <c r="BQ24" s="155"/>
      <c r="BR24" s="155"/>
      <c r="BS24" s="155"/>
      <c r="BT24" s="155"/>
      <c r="BU24" s="157" t="s">
        <v>163</v>
      </c>
      <c r="BV24" s="157"/>
      <c r="BW24" s="157"/>
      <c r="BX24" s="157"/>
      <c r="BY24" s="157"/>
      <c r="BZ24" s="157"/>
      <c r="CA24" s="156" t="s">
        <v>164</v>
      </c>
      <c r="CB24" s="157"/>
      <c r="CC24" s="155"/>
      <c r="CD24" s="155"/>
      <c r="CE24" s="155"/>
      <c r="CF24" s="155"/>
      <c r="CG24" s="156" t="s">
        <v>148</v>
      </c>
      <c r="CJ24" s="157"/>
      <c r="CK24" s="155"/>
      <c r="CL24" s="155"/>
      <c r="CM24" s="155"/>
      <c r="CN24" s="148"/>
      <c r="CO24" s="30"/>
      <c r="CP24" s="100"/>
      <c r="CQ24" s="51"/>
      <c r="CU24" s="51"/>
    </row>
    <row r="25" spans="1:104" ht="12" customHeight="1" x14ac:dyDescent="0.2">
      <c r="A25" s="31"/>
      <c r="B25" s="3"/>
      <c r="C25" s="48"/>
      <c r="D25" s="45" t="s">
        <v>22</v>
      </c>
      <c r="E25" s="45"/>
      <c r="F25" s="45"/>
      <c r="G25" s="46"/>
      <c r="H25" s="46"/>
      <c r="I25" s="391" t="s">
        <v>99</v>
      </c>
      <c r="J25" s="392"/>
      <c r="K25" s="392"/>
      <c r="L25" s="392"/>
      <c r="M25" s="49"/>
      <c r="N25" s="50" t="s">
        <v>23</v>
      </c>
      <c r="O25" s="50"/>
      <c r="P25" s="46"/>
      <c r="Q25" s="46"/>
      <c r="R25" s="47"/>
      <c r="S25" s="391" t="s">
        <v>100</v>
      </c>
      <c r="T25" s="392"/>
      <c r="U25" s="392"/>
      <c r="V25" s="393"/>
      <c r="W25" s="3"/>
      <c r="X25" s="40"/>
      <c r="Y25" s="27"/>
      <c r="Z25" s="27"/>
      <c r="AA25" s="387"/>
      <c r="AB25" s="387"/>
      <c r="AC25" s="387"/>
      <c r="AD25" s="387"/>
      <c r="AE25" s="387"/>
      <c r="AF25" s="387"/>
      <c r="AG25" s="387"/>
      <c r="AH25" s="387"/>
      <c r="AI25" s="387"/>
      <c r="AJ25" s="387"/>
      <c r="AK25" s="387"/>
      <c r="AL25" s="387"/>
      <c r="AM25" s="387"/>
      <c r="AN25" s="387"/>
      <c r="AO25" s="387"/>
      <c r="AP25" s="387"/>
      <c r="AQ25" s="387"/>
      <c r="AR25" s="27"/>
      <c r="AS25" s="27"/>
      <c r="AT25" s="33"/>
      <c r="AU25" s="34"/>
      <c r="AV25" s="158"/>
      <c r="AW25" s="158" t="s">
        <v>165</v>
      </c>
      <c r="AX25" s="157"/>
      <c r="AY25" s="157"/>
      <c r="AZ25" s="157"/>
      <c r="BA25" s="157"/>
      <c r="BB25" s="157"/>
      <c r="BC25" s="157" t="s">
        <v>150</v>
      </c>
      <c r="BD25" s="158"/>
      <c r="BE25" s="158"/>
      <c r="BF25" s="158"/>
      <c r="BG25" s="158"/>
      <c r="BH25" s="158"/>
      <c r="BI25" s="156" t="s">
        <v>166</v>
      </c>
      <c r="BJ25" s="157"/>
      <c r="BK25" s="157"/>
      <c r="BL25" s="157"/>
      <c r="BM25" s="157"/>
      <c r="BN25" s="157"/>
      <c r="BO25" s="158" t="s">
        <v>167</v>
      </c>
      <c r="BP25" s="157"/>
      <c r="BQ25" s="157"/>
      <c r="BR25" s="157"/>
      <c r="BS25" s="157"/>
      <c r="BT25" s="157"/>
      <c r="BU25" s="156" t="s">
        <v>168</v>
      </c>
      <c r="BV25" s="157"/>
      <c r="BW25" s="156"/>
      <c r="BX25" s="156"/>
      <c r="BY25" s="158"/>
      <c r="BZ25" s="158"/>
      <c r="CA25" s="158"/>
      <c r="CB25" s="157"/>
      <c r="CC25" s="158"/>
      <c r="CD25" s="158"/>
      <c r="CE25" s="156"/>
      <c r="CF25" s="158"/>
      <c r="CG25" s="158" t="s">
        <v>149</v>
      </c>
      <c r="CJ25" s="157"/>
      <c r="CK25" s="156"/>
      <c r="CL25" s="158"/>
      <c r="CM25" s="158"/>
      <c r="CN25" s="92"/>
      <c r="CO25" s="30"/>
      <c r="CP25" s="100"/>
      <c r="CU25" s="51"/>
    </row>
    <row r="26" spans="1:104" ht="12" customHeight="1" x14ac:dyDescent="0.2">
      <c r="A26" s="31"/>
      <c r="B26" s="3"/>
      <c r="C26" s="48"/>
      <c r="D26" s="50" t="s">
        <v>24</v>
      </c>
      <c r="E26" s="50"/>
      <c r="F26" s="50"/>
      <c r="G26" s="46"/>
      <c r="H26" s="46"/>
      <c r="I26" s="391" t="s">
        <v>101</v>
      </c>
      <c r="J26" s="392"/>
      <c r="K26" s="392"/>
      <c r="L26" s="392"/>
      <c r="M26" s="49"/>
      <c r="N26" s="50" t="s">
        <v>25</v>
      </c>
      <c r="O26" s="50"/>
      <c r="P26" s="46"/>
      <c r="Q26" s="46"/>
      <c r="R26" s="47"/>
      <c r="S26" s="391" t="s">
        <v>102</v>
      </c>
      <c r="T26" s="392"/>
      <c r="U26" s="392"/>
      <c r="V26" s="393"/>
      <c r="W26" s="3"/>
      <c r="X26" s="40"/>
      <c r="Y26" s="27"/>
      <c r="Z26" s="27"/>
      <c r="AA26" s="52"/>
      <c r="AB26" s="52"/>
      <c r="AC26" s="52"/>
      <c r="AD26" s="52"/>
      <c r="AE26" s="52"/>
      <c r="AF26" s="52"/>
      <c r="AG26" s="52"/>
      <c r="AH26" s="52"/>
      <c r="AI26" s="52"/>
      <c r="AJ26" s="52"/>
      <c r="AK26" s="52"/>
      <c r="AL26" s="52"/>
      <c r="AM26" s="52"/>
      <c r="AN26" s="52"/>
      <c r="AO26" s="52"/>
      <c r="AP26" s="52"/>
      <c r="AQ26" s="52"/>
      <c r="AR26" s="27"/>
      <c r="AS26" s="27"/>
      <c r="AT26" s="33"/>
      <c r="AU26" s="34"/>
      <c r="AV26" s="34"/>
      <c r="AW26" s="51" t="s">
        <v>169</v>
      </c>
      <c r="AX26" s="34"/>
      <c r="AY26" s="34"/>
      <c r="AZ26" s="34"/>
      <c r="BA26" s="34"/>
      <c r="BB26" s="34"/>
      <c r="BC26" s="34"/>
      <c r="BD26" s="51"/>
      <c r="BE26" s="34"/>
      <c r="BF26" s="122" t="s">
        <v>78</v>
      </c>
      <c r="BG26" s="405"/>
      <c r="BH26" s="405"/>
      <c r="BI26" s="405"/>
      <c r="BJ26" s="405"/>
      <c r="BK26" s="405"/>
      <c r="BL26" s="405"/>
      <c r="BM26" s="405"/>
      <c r="BN26" s="405"/>
      <c r="BO26" s="405"/>
      <c r="BP26" s="405"/>
      <c r="BQ26" s="405"/>
      <c r="BR26" s="405"/>
      <c r="BS26" s="405"/>
      <c r="BT26" s="405"/>
      <c r="BU26" s="405"/>
      <c r="BV26" s="405"/>
      <c r="BW26" s="405"/>
      <c r="BX26" s="405"/>
      <c r="BY26" s="405"/>
      <c r="BZ26" s="405"/>
      <c r="CA26" s="405"/>
      <c r="CB26" s="405"/>
      <c r="CC26" s="405"/>
      <c r="CD26" s="405"/>
      <c r="CE26" s="405"/>
      <c r="CF26" s="405"/>
      <c r="CG26" s="405"/>
      <c r="CH26" s="405"/>
      <c r="CI26" s="405"/>
      <c r="CJ26" s="405"/>
      <c r="CK26" s="405"/>
      <c r="CL26" s="34" t="s">
        <v>37</v>
      </c>
      <c r="CM26" s="28"/>
      <c r="CN26" s="92"/>
      <c r="CO26" s="28"/>
      <c r="CP26" s="100"/>
      <c r="CQ26" s="51"/>
      <c r="CT26" s="35"/>
      <c r="CU26" s="51"/>
      <c r="CV26" s="35"/>
      <c r="CW26" s="51"/>
      <c r="CX26" s="51"/>
      <c r="CY26" s="51"/>
      <c r="CZ26" s="51"/>
    </row>
    <row r="27" spans="1:104" ht="12" customHeight="1" x14ac:dyDescent="0.2">
      <c r="A27" s="31"/>
      <c r="B27" s="3"/>
      <c r="C27" s="48"/>
      <c r="D27" s="50" t="s">
        <v>26</v>
      </c>
      <c r="E27" s="50"/>
      <c r="F27" s="50"/>
      <c r="G27" s="46"/>
      <c r="H27" s="46"/>
      <c r="I27" s="391" t="s">
        <v>104</v>
      </c>
      <c r="J27" s="392"/>
      <c r="K27" s="392"/>
      <c r="L27" s="392"/>
      <c r="M27" s="49"/>
      <c r="N27" s="50" t="s">
        <v>27</v>
      </c>
      <c r="O27" s="50"/>
      <c r="P27" s="46"/>
      <c r="Q27" s="46"/>
      <c r="R27" s="47"/>
      <c r="S27" s="391" t="s">
        <v>105</v>
      </c>
      <c r="T27" s="392"/>
      <c r="U27" s="392"/>
      <c r="V27" s="393"/>
      <c r="W27" s="35"/>
      <c r="X27" s="40"/>
      <c r="Y27" s="27"/>
      <c r="Z27" s="27"/>
      <c r="AA27" s="403" t="s">
        <v>36</v>
      </c>
      <c r="AB27" s="403"/>
      <c r="AC27" s="403"/>
      <c r="AD27" s="403"/>
      <c r="AE27" s="403"/>
      <c r="AF27" s="403"/>
      <c r="AG27" s="403"/>
      <c r="AH27" s="403"/>
      <c r="AI27" s="403"/>
      <c r="AJ27" s="403"/>
      <c r="AK27" s="403"/>
      <c r="AL27" s="403"/>
      <c r="AM27" s="403"/>
      <c r="AN27" s="403"/>
      <c r="AO27" s="403"/>
      <c r="AP27" s="403"/>
      <c r="AQ27" s="403"/>
      <c r="AR27" s="27"/>
      <c r="AS27" s="27"/>
      <c r="AT27" s="33"/>
      <c r="AU27" s="34"/>
      <c r="AV27" s="34"/>
      <c r="AW27" s="51"/>
      <c r="AX27" s="34"/>
      <c r="AY27" s="34"/>
      <c r="AZ27" s="34"/>
      <c r="BA27" s="34"/>
      <c r="BB27" s="34"/>
      <c r="BC27" s="34"/>
      <c r="BD27" s="19"/>
      <c r="BE27" s="19"/>
      <c r="BF27" s="19"/>
      <c r="BG27" s="19"/>
      <c r="BH27" s="19"/>
      <c r="BI27" s="19"/>
      <c r="BJ27" s="19"/>
      <c r="BK27" s="19"/>
      <c r="BL27" s="19"/>
      <c r="BM27" s="19"/>
      <c r="BN27" s="19"/>
      <c r="BO27" s="19"/>
      <c r="BP27" s="19"/>
      <c r="BQ27" s="19"/>
      <c r="BR27" s="19"/>
      <c r="BS27" s="19"/>
      <c r="BT27" s="19"/>
      <c r="BU27" s="19"/>
      <c r="BV27" s="19"/>
      <c r="BW27" s="19"/>
      <c r="BX27" s="19"/>
      <c r="BY27" s="19"/>
      <c r="BZ27" s="19"/>
      <c r="CA27" s="19"/>
      <c r="CB27" s="19"/>
      <c r="CC27" s="19"/>
      <c r="CD27" s="19"/>
      <c r="CE27" s="19"/>
      <c r="CF27" s="19"/>
      <c r="CG27" s="19"/>
      <c r="CH27" s="53"/>
      <c r="CI27" s="53"/>
      <c r="CJ27" s="53"/>
      <c r="CK27" s="53"/>
      <c r="CL27" s="53"/>
      <c r="CM27" s="53"/>
      <c r="CN27" s="94"/>
      <c r="CO27" s="28"/>
      <c r="CP27" s="100"/>
      <c r="CQ27" s="51"/>
      <c r="CU27" s="51"/>
      <c r="CV27" s="35"/>
      <c r="CW27" s="51"/>
      <c r="CX27" s="51"/>
      <c r="CY27" s="51"/>
      <c r="CZ27" s="51"/>
    </row>
    <row r="28" spans="1:104" ht="12" customHeight="1" x14ac:dyDescent="0.2">
      <c r="A28" s="31"/>
      <c r="B28" s="3"/>
      <c r="C28" s="48"/>
      <c r="D28" s="50" t="s">
        <v>28</v>
      </c>
      <c r="E28" s="50"/>
      <c r="F28" s="50"/>
      <c r="G28" s="46"/>
      <c r="H28" s="46"/>
      <c r="I28" s="391" t="s">
        <v>102</v>
      </c>
      <c r="J28" s="392"/>
      <c r="K28" s="392"/>
      <c r="L28" s="392"/>
      <c r="M28" s="49"/>
      <c r="N28" s="50" t="s">
        <v>29</v>
      </c>
      <c r="O28" s="50"/>
      <c r="P28" s="46"/>
      <c r="Q28" s="46"/>
      <c r="R28" s="47"/>
      <c r="S28" s="391" t="s">
        <v>106</v>
      </c>
      <c r="T28" s="392"/>
      <c r="U28" s="392"/>
      <c r="V28" s="393"/>
      <c r="W28" s="35"/>
      <c r="X28" s="40"/>
      <c r="Y28" s="27"/>
      <c r="Z28" s="27"/>
      <c r="AA28" s="403"/>
      <c r="AB28" s="403"/>
      <c r="AC28" s="403"/>
      <c r="AD28" s="403"/>
      <c r="AE28" s="403"/>
      <c r="AF28" s="403"/>
      <c r="AG28" s="403"/>
      <c r="AH28" s="403"/>
      <c r="AI28" s="403"/>
      <c r="AJ28" s="403"/>
      <c r="AK28" s="403"/>
      <c r="AL28" s="403"/>
      <c r="AM28" s="403"/>
      <c r="AN28" s="403"/>
      <c r="AO28" s="403"/>
      <c r="AP28" s="403"/>
      <c r="AQ28" s="403"/>
      <c r="AR28" s="27"/>
      <c r="AS28" s="27"/>
      <c r="AT28" s="164" t="s">
        <v>194</v>
      </c>
      <c r="AW28" s="51"/>
      <c r="AX28" s="34"/>
      <c r="AY28" s="34"/>
      <c r="AZ28" s="34"/>
      <c r="BA28" s="34"/>
      <c r="BB28" s="34"/>
      <c r="BC28" s="34"/>
      <c r="BD28" s="19"/>
      <c r="BE28" s="19"/>
      <c r="BF28" s="19"/>
      <c r="BG28" s="19"/>
      <c r="BH28" s="19"/>
      <c r="BI28" s="19"/>
      <c r="BJ28" s="19"/>
      <c r="BK28" s="19"/>
      <c r="BL28" s="19"/>
      <c r="BM28" s="19"/>
      <c r="BN28" s="19"/>
      <c r="BO28" s="19"/>
      <c r="BP28" s="19"/>
      <c r="BQ28" s="19"/>
      <c r="BR28" s="19"/>
      <c r="BS28" s="19"/>
      <c r="BT28" s="19"/>
      <c r="BU28" s="19"/>
      <c r="BV28" s="19"/>
      <c r="BW28" s="19"/>
      <c r="BX28" s="19"/>
      <c r="BY28" s="19"/>
      <c r="BZ28" s="19"/>
      <c r="CA28" s="19"/>
      <c r="CB28" s="19"/>
      <c r="CC28" s="19"/>
      <c r="CD28" s="19"/>
      <c r="CE28" s="19"/>
      <c r="CF28" s="28"/>
      <c r="CG28" s="35"/>
      <c r="CH28" s="35"/>
      <c r="CI28" s="35"/>
      <c r="CJ28" s="35"/>
      <c r="CK28" s="35"/>
      <c r="CL28" s="35"/>
      <c r="CM28" s="35"/>
      <c r="CN28" s="32"/>
      <c r="CO28" s="53"/>
      <c r="CP28" s="100"/>
      <c r="CQ28" s="51"/>
      <c r="CT28" s="19"/>
      <c r="CU28" s="51"/>
      <c r="CV28" s="35"/>
      <c r="CW28" s="51"/>
      <c r="CX28" s="19"/>
      <c r="CZ28" s="19"/>
    </row>
    <row r="29" spans="1:104" ht="12" customHeight="1" x14ac:dyDescent="0.2">
      <c r="A29" s="31"/>
      <c r="B29" s="3"/>
      <c r="C29" s="48"/>
      <c r="D29" s="50" t="s">
        <v>30</v>
      </c>
      <c r="E29" s="50"/>
      <c r="F29" s="50"/>
      <c r="G29" s="46"/>
      <c r="H29" s="46"/>
      <c r="I29" s="391" t="s">
        <v>110</v>
      </c>
      <c r="J29" s="392"/>
      <c r="K29" s="392"/>
      <c r="L29" s="392"/>
      <c r="M29" s="49"/>
      <c r="N29" s="50" t="s">
        <v>31</v>
      </c>
      <c r="O29" s="50"/>
      <c r="P29" s="46"/>
      <c r="Q29" s="46"/>
      <c r="R29" s="47"/>
      <c r="S29" s="391" t="s">
        <v>111</v>
      </c>
      <c r="T29" s="392"/>
      <c r="U29" s="392"/>
      <c r="V29" s="393"/>
      <c r="W29" s="35"/>
      <c r="X29" s="32"/>
      <c r="Y29" s="27"/>
      <c r="Z29" s="27"/>
      <c r="AA29" s="24" t="s">
        <v>114</v>
      </c>
      <c r="AB29" s="25"/>
      <c r="AC29" s="25"/>
      <c r="AD29" s="25"/>
      <c r="AE29" s="25"/>
      <c r="AF29" s="25"/>
      <c r="AG29" s="25"/>
      <c r="AH29" s="25"/>
      <c r="AI29" s="25"/>
      <c r="AJ29" s="25"/>
      <c r="AK29" s="25"/>
      <c r="AL29" s="25"/>
      <c r="AM29" s="25"/>
      <c r="AN29" s="25"/>
      <c r="AO29" s="25"/>
      <c r="AP29" s="25"/>
      <c r="AQ29" s="63"/>
      <c r="AR29" s="27"/>
      <c r="AS29" s="27"/>
      <c r="AT29" s="151"/>
      <c r="AU29" s="2" t="s">
        <v>196</v>
      </c>
      <c r="AW29" s="51"/>
      <c r="AX29" s="34"/>
      <c r="AY29" s="34"/>
      <c r="AZ29" s="34"/>
      <c r="BA29" s="34"/>
      <c r="BB29" s="34"/>
      <c r="BC29" s="34"/>
      <c r="BD29" s="34"/>
      <c r="BE29" s="34"/>
      <c r="BF29" s="28"/>
      <c r="BG29" s="34"/>
      <c r="BH29" s="28"/>
      <c r="BI29" s="34"/>
      <c r="BJ29" s="51"/>
      <c r="BK29" s="28"/>
      <c r="BL29" s="34"/>
      <c r="BM29" s="34"/>
      <c r="BN29" s="34"/>
      <c r="BO29" s="34"/>
      <c r="BP29" s="34"/>
      <c r="BQ29" s="34"/>
      <c r="BR29" s="34"/>
      <c r="BS29" s="28"/>
      <c r="BT29" s="34"/>
      <c r="BU29" s="34"/>
      <c r="BV29" s="34"/>
      <c r="BW29" s="34"/>
      <c r="BX29" s="34"/>
      <c r="BY29" s="35"/>
      <c r="BZ29" s="35"/>
      <c r="CA29" s="35"/>
      <c r="CB29" s="35"/>
      <c r="CC29" s="35"/>
      <c r="CD29" s="35"/>
      <c r="CE29" s="35"/>
      <c r="CF29" s="35"/>
      <c r="CG29" s="35"/>
      <c r="CH29" s="35"/>
      <c r="CI29" s="35"/>
      <c r="CJ29" s="35"/>
      <c r="CK29" s="35"/>
      <c r="CL29" s="35"/>
      <c r="CM29" s="35"/>
      <c r="CN29" s="32"/>
      <c r="CO29" s="35"/>
      <c r="CP29" s="100"/>
      <c r="CQ29" s="51"/>
      <c r="CT29" s="35"/>
      <c r="CU29" s="34"/>
      <c r="CV29" s="35"/>
      <c r="CW29" s="51"/>
      <c r="CX29" s="51"/>
      <c r="CY29" s="51"/>
      <c r="CZ29" s="51"/>
    </row>
    <row r="30" spans="1:104" ht="12" customHeight="1" x14ac:dyDescent="0.2">
      <c r="A30" s="31"/>
      <c r="B30" s="3"/>
      <c r="C30" s="54"/>
      <c r="D30" s="55" t="s">
        <v>32</v>
      </c>
      <c r="E30" s="55"/>
      <c r="F30" s="55"/>
      <c r="G30" s="56"/>
      <c r="H30" s="56"/>
      <c r="I30" s="395" t="s">
        <v>112</v>
      </c>
      <c r="J30" s="396"/>
      <c r="K30" s="396"/>
      <c r="L30" s="396"/>
      <c r="M30" s="49"/>
      <c r="N30" s="50" t="s">
        <v>33</v>
      </c>
      <c r="O30" s="50"/>
      <c r="P30" s="46"/>
      <c r="Q30" s="46"/>
      <c r="R30" s="47"/>
      <c r="S30" s="391" t="s">
        <v>112</v>
      </c>
      <c r="T30" s="392"/>
      <c r="U30" s="392"/>
      <c r="V30" s="393"/>
      <c r="W30" s="35"/>
      <c r="X30" s="32"/>
      <c r="Y30" s="27"/>
      <c r="Z30" s="27"/>
      <c r="AA30" s="31"/>
      <c r="AB30" s="320" t="s">
        <v>147</v>
      </c>
      <c r="AC30" s="320"/>
      <c r="AD30" s="320"/>
      <c r="AE30" s="320"/>
      <c r="AF30" s="320"/>
      <c r="AG30" s="320"/>
      <c r="AH30" s="320"/>
      <c r="AI30" s="320"/>
      <c r="AJ30" s="320"/>
      <c r="AK30" s="320"/>
      <c r="AL30" s="320"/>
      <c r="AM30" s="320"/>
      <c r="AN30" s="320"/>
      <c r="AO30" s="320"/>
      <c r="AP30" s="320"/>
      <c r="AQ30" s="315"/>
      <c r="AR30" s="27"/>
      <c r="AS30" s="27"/>
      <c r="AT30" s="33"/>
      <c r="AU30" s="34"/>
      <c r="AV30" s="34"/>
      <c r="AW30" s="51" t="s">
        <v>185</v>
      </c>
      <c r="AX30" s="34"/>
      <c r="AY30" s="34"/>
      <c r="AZ30" s="34"/>
      <c r="BA30" s="34"/>
      <c r="BB30" s="34"/>
      <c r="BC30" s="34" t="s">
        <v>186</v>
      </c>
      <c r="BD30" s="34"/>
      <c r="BE30" s="34"/>
      <c r="BF30" s="28"/>
      <c r="BG30" s="34"/>
      <c r="BH30" s="28"/>
      <c r="BI30" s="34"/>
      <c r="BJ30" s="51"/>
      <c r="BK30" s="28"/>
      <c r="BL30" s="34"/>
      <c r="BM30" s="34"/>
      <c r="BN30" s="34"/>
      <c r="BO30" s="34"/>
      <c r="BP30" s="34"/>
      <c r="BQ30" s="34"/>
      <c r="BR30" s="34"/>
      <c r="BS30" s="28"/>
      <c r="BT30" s="34"/>
      <c r="BU30" s="34"/>
      <c r="BV30" s="34"/>
      <c r="BW30" s="34"/>
      <c r="BX30" s="34"/>
      <c r="BY30" s="34"/>
      <c r="BZ30" s="34"/>
      <c r="CA30" s="34"/>
      <c r="CB30" s="34"/>
      <c r="CC30" s="28"/>
      <c r="CD30" s="34"/>
      <c r="CE30" s="28"/>
      <c r="CF30" s="28"/>
      <c r="CG30" s="28"/>
      <c r="CH30" s="28"/>
      <c r="CI30" s="28"/>
      <c r="CJ30" s="28"/>
      <c r="CK30" s="28"/>
      <c r="CL30" s="28"/>
      <c r="CM30" s="28"/>
      <c r="CN30" s="92"/>
      <c r="CO30" s="35"/>
      <c r="CP30" s="100"/>
      <c r="CQ30" s="51"/>
      <c r="CT30" s="35"/>
      <c r="CU30" s="51"/>
      <c r="CV30" s="35"/>
      <c r="CX30" s="51"/>
      <c r="CY30" s="51"/>
      <c r="CZ30" s="51"/>
    </row>
    <row r="31" spans="1:104" ht="12" customHeight="1" x14ac:dyDescent="0.2">
      <c r="A31" s="31"/>
      <c r="B31" s="3"/>
      <c r="C31" s="57"/>
      <c r="D31" s="58" t="s">
        <v>35</v>
      </c>
      <c r="E31" s="58"/>
      <c r="F31" s="59"/>
      <c r="G31" s="59"/>
      <c r="H31" s="60"/>
      <c r="I31" s="397" t="s">
        <v>113</v>
      </c>
      <c r="J31" s="398"/>
      <c r="K31" s="398"/>
      <c r="L31" s="399"/>
      <c r="M31" s="61"/>
      <c r="N31" s="62"/>
      <c r="O31" s="62"/>
      <c r="P31" s="59"/>
      <c r="Q31" s="59"/>
      <c r="R31" s="60"/>
      <c r="S31" s="400"/>
      <c r="T31" s="401"/>
      <c r="U31" s="401"/>
      <c r="V31" s="402"/>
      <c r="W31" s="35"/>
      <c r="X31" s="32"/>
      <c r="Y31" s="27"/>
      <c r="Z31" s="27"/>
      <c r="AA31" s="31"/>
      <c r="AB31" s="320"/>
      <c r="AC31" s="320"/>
      <c r="AD31" s="320"/>
      <c r="AE31" s="320"/>
      <c r="AF31" s="320"/>
      <c r="AG31" s="320"/>
      <c r="AH31" s="320"/>
      <c r="AI31" s="320"/>
      <c r="AJ31" s="320"/>
      <c r="AK31" s="320"/>
      <c r="AL31" s="320"/>
      <c r="AM31" s="320"/>
      <c r="AN31" s="320"/>
      <c r="AO31" s="320"/>
      <c r="AP31" s="320"/>
      <c r="AQ31" s="315"/>
      <c r="AR31" s="27"/>
      <c r="AS31" s="27"/>
      <c r="AT31" s="33"/>
      <c r="AU31" s="28"/>
      <c r="AV31" s="34"/>
      <c r="AW31" s="34"/>
      <c r="AX31" s="34"/>
      <c r="AY31" s="34"/>
      <c r="AZ31" s="34"/>
      <c r="BA31" s="34"/>
      <c r="BB31" s="34"/>
      <c r="BC31" s="34"/>
      <c r="BD31" s="34"/>
      <c r="BE31" s="34"/>
      <c r="BF31" s="34"/>
      <c r="BG31" s="34"/>
      <c r="BH31" s="34"/>
      <c r="BI31" s="28"/>
      <c r="BJ31" s="28"/>
      <c r="BK31" s="28"/>
      <c r="BL31" s="34"/>
      <c r="BM31" s="34"/>
      <c r="BN31" s="34"/>
      <c r="BO31" s="19"/>
      <c r="BP31" s="19"/>
      <c r="BQ31" s="19"/>
      <c r="BR31" s="19"/>
      <c r="BS31" s="19"/>
      <c r="BT31" s="19"/>
      <c r="BU31" s="19"/>
      <c r="BV31" s="19"/>
      <c r="BW31" s="19"/>
      <c r="BX31" s="19"/>
      <c r="BY31" s="19"/>
      <c r="BZ31" s="19"/>
      <c r="CA31" s="19"/>
      <c r="CB31" s="34"/>
      <c r="CC31" s="34"/>
      <c r="CD31" s="34"/>
      <c r="CE31" s="34"/>
      <c r="CF31" s="34"/>
      <c r="CG31" s="34"/>
      <c r="CH31" s="34"/>
      <c r="CI31" s="34"/>
      <c r="CJ31" s="34"/>
      <c r="CK31" s="34"/>
      <c r="CL31" s="34"/>
      <c r="CM31" s="34"/>
      <c r="CN31" s="93"/>
      <c r="CO31" s="28"/>
      <c r="CP31" s="100"/>
      <c r="CQ31" s="51"/>
      <c r="CU31" s="51"/>
      <c r="CW31" s="51"/>
    </row>
    <row r="32" spans="1:104" ht="12" customHeight="1" x14ac:dyDescent="0.2">
      <c r="A32" s="31"/>
      <c r="B32" s="3"/>
      <c r="C32" s="35"/>
      <c r="D32" s="35"/>
      <c r="E32" s="35"/>
      <c r="F32" s="35"/>
      <c r="G32" s="35"/>
      <c r="H32" s="35"/>
      <c r="I32" s="35"/>
      <c r="J32" s="35"/>
      <c r="K32" s="35"/>
      <c r="L32" s="35"/>
      <c r="M32" s="35"/>
      <c r="N32" s="35"/>
      <c r="O32" s="35"/>
      <c r="P32" s="35"/>
      <c r="Q32" s="35"/>
      <c r="R32" s="35"/>
      <c r="S32" s="35"/>
      <c r="T32" s="35"/>
      <c r="U32" s="35"/>
      <c r="V32" s="35"/>
      <c r="W32" s="35"/>
      <c r="X32" s="32"/>
      <c r="Y32" s="27"/>
      <c r="Z32" s="27"/>
      <c r="AA32" s="31"/>
      <c r="AB32" s="320"/>
      <c r="AC32" s="320"/>
      <c r="AD32" s="320"/>
      <c r="AE32" s="320"/>
      <c r="AF32" s="320"/>
      <c r="AG32" s="320"/>
      <c r="AH32" s="320"/>
      <c r="AI32" s="320"/>
      <c r="AJ32" s="320"/>
      <c r="AK32" s="320"/>
      <c r="AL32" s="320"/>
      <c r="AM32" s="320"/>
      <c r="AN32" s="320"/>
      <c r="AO32" s="320"/>
      <c r="AP32" s="320"/>
      <c r="AQ32" s="315"/>
      <c r="AR32" s="27"/>
      <c r="AS32" s="27"/>
      <c r="AT32" s="38" t="s">
        <v>202</v>
      </c>
      <c r="AU32" s="34"/>
      <c r="AV32" s="34"/>
      <c r="AW32" s="51"/>
      <c r="AX32" s="34"/>
      <c r="AY32" s="34"/>
      <c r="AZ32" s="34"/>
      <c r="BA32" s="34"/>
      <c r="BB32" s="34"/>
      <c r="BC32" s="34"/>
      <c r="BD32" s="34"/>
      <c r="BE32" s="34"/>
      <c r="BF32" s="28"/>
      <c r="BG32" s="34"/>
      <c r="BH32" s="28"/>
      <c r="BI32" s="34"/>
      <c r="BJ32" s="51"/>
      <c r="BK32" s="28"/>
      <c r="BL32" s="34"/>
      <c r="BM32" s="34"/>
      <c r="BN32" s="34"/>
      <c r="BO32" s="34"/>
      <c r="BP32" s="34"/>
      <c r="BQ32" s="34"/>
      <c r="BR32" s="34"/>
      <c r="BS32" s="28"/>
      <c r="BT32" s="34"/>
      <c r="BU32" s="34"/>
      <c r="BV32" s="34"/>
      <c r="BW32" s="34"/>
      <c r="BX32" s="34"/>
      <c r="BY32" s="34"/>
      <c r="BZ32" s="34"/>
      <c r="CA32" s="34"/>
      <c r="CB32" s="34"/>
      <c r="CC32" s="28"/>
      <c r="CD32" s="34"/>
      <c r="CE32" s="28"/>
      <c r="CF32" s="28"/>
      <c r="CG32" s="28"/>
      <c r="CH32" s="28"/>
      <c r="CI32" s="28"/>
      <c r="CJ32" s="28"/>
      <c r="CK32" s="28"/>
      <c r="CL32" s="28"/>
      <c r="CM32" s="28"/>
      <c r="CN32" s="92"/>
      <c r="CO32" s="53"/>
      <c r="CP32" s="100"/>
      <c r="CQ32" s="51"/>
      <c r="CU32" s="51"/>
      <c r="CW32" s="51"/>
    </row>
    <row r="33" spans="1:101" ht="12" customHeight="1" x14ac:dyDescent="0.2">
      <c r="A33" s="31"/>
      <c r="B33" s="3"/>
      <c r="C33" s="3"/>
      <c r="D33" s="35"/>
      <c r="E33" s="35"/>
      <c r="F33" s="35"/>
      <c r="G33" s="35"/>
      <c r="H33" s="35"/>
      <c r="I33" s="35"/>
      <c r="J33" s="35"/>
      <c r="K33" s="35"/>
      <c r="L33" s="35"/>
      <c r="M33" s="35"/>
      <c r="N33" s="35"/>
      <c r="O33" s="35"/>
      <c r="P33" s="35"/>
      <c r="Q33" s="35"/>
      <c r="R33" s="35"/>
      <c r="S33" s="35"/>
      <c r="T33" s="35"/>
      <c r="U33" s="35"/>
      <c r="V33" s="35"/>
      <c r="W33" s="35"/>
      <c r="X33" s="32"/>
      <c r="Y33" s="27"/>
      <c r="Z33" s="27"/>
      <c r="AA33" s="67"/>
      <c r="AB33" s="320"/>
      <c r="AC33" s="320"/>
      <c r="AD33" s="320"/>
      <c r="AE33" s="320"/>
      <c r="AF33" s="320"/>
      <c r="AG33" s="320"/>
      <c r="AH33" s="320"/>
      <c r="AI33" s="320"/>
      <c r="AJ33" s="320"/>
      <c r="AK33" s="320"/>
      <c r="AL33" s="320"/>
      <c r="AM33" s="320"/>
      <c r="AN33" s="320"/>
      <c r="AO33" s="320"/>
      <c r="AP33" s="320"/>
      <c r="AQ33" s="315"/>
      <c r="AR33" s="27"/>
      <c r="AS33" s="27"/>
      <c r="AT33" s="33"/>
      <c r="AU33" s="28" t="s">
        <v>34</v>
      </c>
      <c r="AV33" s="34"/>
      <c r="AW33" s="51"/>
      <c r="AX33" s="34"/>
      <c r="AY33" s="34"/>
      <c r="AZ33" s="34"/>
      <c r="BA33" s="34"/>
      <c r="BB33" s="34"/>
      <c r="BC33" s="34"/>
      <c r="BD33" s="34"/>
      <c r="BE33" s="34"/>
      <c r="BF33" s="28"/>
      <c r="BG33" s="34"/>
      <c r="BH33" s="28"/>
      <c r="BI33" s="34"/>
      <c r="BJ33" s="51"/>
      <c r="BK33" s="28"/>
      <c r="BL33" s="34"/>
      <c r="BM33" s="34"/>
      <c r="BN33" s="34"/>
      <c r="BO33" s="34"/>
      <c r="BP33" s="34"/>
      <c r="BQ33" s="34"/>
      <c r="BR33" s="34"/>
      <c r="BS33" s="28"/>
      <c r="BT33" s="34"/>
      <c r="BU33" s="34"/>
      <c r="BV33" s="34"/>
      <c r="BW33" s="34"/>
      <c r="BX33" s="34"/>
      <c r="BY33" s="34"/>
      <c r="BZ33" s="34"/>
      <c r="CA33" s="34"/>
      <c r="CB33" s="34"/>
      <c r="CC33" s="28"/>
      <c r="CD33" s="34"/>
      <c r="CE33" s="28"/>
      <c r="CF33" s="28"/>
      <c r="CG33" s="28"/>
      <c r="CH33" s="28"/>
      <c r="CI33" s="28"/>
      <c r="CJ33" s="28"/>
      <c r="CK33" s="28"/>
      <c r="CL33" s="28"/>
      <c r="CM33" s="28"/>
      <c r="CN33" s="92"/>
      <c r="CO33" s="99"/>
      <c r="CP33" s="100"/>
      <c r="CQ33" s="51"/>
      <c r="CU33" s="51"/>
      <c r="CW33" s="51"/>
    </row>
    <row r="34" spans="1:101" ht="12" customHeight="1" x14ac:dyDescent="0.2">
      <c r="A34" s="31"/>
      <c r="B34" s="3"/>
      <c r="C34" s="320"/>
      <c r="D34" s="320"/>
      <c r="E34" s="320"/>
      <c r="F34" s="320"/>
      <c r="G34" s="320"/>
      <c r="H34" s="320"/>
      <c r="I34" s="320"/>
      <c r="J34" s="320"/>
      <c r="K34" s="320"/>
      <c r="L34" s="320"/>
      <c r="M34" s="320"/>
      <c r="N34" s="320"/>
      <c r="O34" s="320"/>
      <c r="P34" s="320"/>
      <c r="Q34" s="320"/>
      <c r="R34" s="320"/>
      <c r="S34" s="320"/>
      <c r="T34" s="320"/>
      <c r="U34" s="320"/>
      <c r="V34" s="320"/>
      <c r="W34" s="35"/>
      <c r="X34" s="32"/>
      <c r="Y34" s="27"/>
      <c r="Z34" s="27"/>
      <c r="AA34" s="67"/>
      <c r="AB34" s="154" t="s">
        <v>103</v>
      </c>
      <c r="AC34" s="154"/>
      <c r="AD34" s="154"/>
      <c r="AE34" s="154"/>
      <c r="AF34" s="154"/>
      <c r="AG34" s="154"/>
      <c r="AH34" s="154" t="s">
        <v>170</v>
      </c>
      <c r="AI34" s="154"/>
      <c r="AK34" s="154"/>
      <c r="AL34" s="154"/>
      <c r="AM34" s="80"/>
      <c r="AN34" s="154"/>
      <c r="AO34" s="154"/>
      <c r="AP34" s="153"/>
      <c r="AQ34" s="159"/>
      <c r="AR34" s="27"/>
      <c r="AS34" s="27"/>
      <c r="AT34" s="33"/>
      <c r="AU34" s="34"/>
      <c r="AV34" s="34"/>
      <c r="AW34" s="51"/>
      <c r="AX34" s="34"/>
      <c r="AY34" s="34"/>
      <c r="AZ34" s="34"/>
      <c r="BA34" s="34"/>
      <c r="BB34" s="34"/>
      <c r="BC34" s="34"/>
      <c r="BD34" s="34"/>
      <c r="BE34" s="34"/>
      <c r="BF34" s="28"/>
      <c r="BG34" s="34"/>
      <c r="BH34" s="28"/>
      <c r="BI34" s="34"/>
      <c r="BJ34" s="51"/>
      <c r="BK34" s="28"/>
      <c r="BL34" s="34"/>
      <c r="BM34" s="34"/>
      <c r="BN34" s="34"/>
      <c r="BO34" s="34"/>
      <c r="BP34" s="34"/>
      <c r="BQ34" s="34"/>
      <c r="BR34" s="34"/>
      <c r="BS34" s="28"/>
      <c r="BT34" s="34"/>
      <c r="BU34" s="34"/>
      <c r="BV34" s="34"/>
      <c r="BW34" s="34"/>
      <c r="BX34" s="34"/>
      <c r="BY34" s="34"/>
      <c r="BZ34" s="34"/>
      <c r="CA34" s="34"/>
      <c r="CB34" s="34"/>
      <c r="CC34" s="28"/>
      <c r="CD34" s="34"/>
      <c r="CE34" s="28"/>
      <c r="CF34" s="28"/>
      <c r="CG34" s="28"/>
      <c r="CH34" s="28"/>
      <c r="CI34" s="28"/>
      <c r="CJ34" s="28"/>
      <c r="CK34" s="28"/>
      <c r="CL34" s="28"/>
      <c r="CM34" s="28"/>
      <c r="CN34" s="92"/>
      <c r="CO34" s="99"/>
      <c r="CP34" s="100"/>
      <c r="CW34" s="51"/>
    </row>
    <row r="35" spans="1:101" ht="12" customHeight="1" x14ac:dyDescent="0.2">
      <c r="A35" s="31"/>
      <c r="B35" s="3"/>
      <c r="C35" s="320"/>
      <c r="D35" s="320"/>
      <c r="E35" s="320"/>
      <c r="F35" s="320"/>
      <c r="G35" s="320"/>
      <c r="H35" s="320"/>
      <c r="I35" s="320"/>
      <c r="J35" s="320"/>
      <c r="K35" s="320"/>
      <c r="L35" s="320"/>
      <c r="M35" s="320"/>
      <c r="N35" s="320"/>
      <c r="O35" s="320"/>
      <c r="P35" s="320"/>
      <c r="Q35" s="320"/>
      <c r="R35" s="320"/>
      <c r="S35" s="320"/>
      <c r="T35" s="320"/>
      <c r="U35" s="320"/>
      <c r="V35" s="320"/>
      <c r="W35" s="35"/>
      <c r="X35" s="32"/>
      <c r="Y35" s="27"/>
      <c r="Z35" s="27"/>
      <c r="AA35" s="67"/>
      <c r="AB35" s="154" t="s">
        <v>171</v>
      </c>
      <c r="AC35" s="154"/>
      <c r="AD35" s="154"/>
      <c r="AE35" s="154"/>
      <c r="AF35" s="154"/>
      <c r="AG35" s="154"/>
      <c r="AH35" s="154" t="s">
        <v>172</v>
      </c>
      <c r="AI35" s="154"/>
      <c r="AK35" s="154"/>
      <c r="AL35" s="154"/>
      <c r="AM35" s="80"/>
      <c r="AN35" s="154"/>
      <c r="AO35" s="154"/>
      <c r="AP35" s="154"/>
      <c r="AQ35" s="160"/>
      <c r="AR35" s="27"/>
      <c r="AS35" s="27"/>
      <c r="AT35" s="37" t="s">
        <v>203</v>
      </c>
      <c r="AU35" s="28"/>
      <c r="AV35" s="28"/>
      <c r="AW35" s="34"/>
      <c r="AX35" s="34"/>
      <c r="AY35" s="34"/>
      <c r="AZ35" s="34"/>
      <c r="BA35" s="34"/>
      <c r="BB35" s="34"/>
      <c r="BC35" s="34"/>
      <c r="BD35" s="34"/>
      <c r="BE35" s="34"/>
      <c r="BF35" s="28"/>
      <c r="BG35" s="34"/>
      <c r="BH35" s="34"/>
      <c r="BI35" s="34"/>
      <c r="BJ35" s="34"/>
      <c r="BK35" s="28"/>
      <c r="BL35" s="34"/>
      <c r="BM35" s="34"/>
      <c r="BN35" s="34"/>
      <c r="BO35" s="34"/>
      <c r="BP35" s="34"/>
      <c r="BQ35" s="34"/>
      <c r="BR35" s="34"/>
      <c r="BS35" s="34"/>
      <c r="BT35" s="34"/>
      <c r="BU35" s="34"/>
      <c r="BV35" s="34"/>
      <c r="BW35" s="34"/>
      <c r="BX35" s="34"/>
      <c r="BY35" s="34"/>
      <c r="BZ35" s="34"/>
      <c r="CA35" s="34"/>
      <c r="CB35" s="34"/>
      <c r="CC35" s="34"/>
      <c r="CD35" s="34"/>
      <c r="CE35" s="34"/>
      <c r="CF35" s="34"/>
      <c r="CG35" s="53"/>
      <c r="CH35" s="53"/>
      <c r="CI35" s="53"/>
      <c r="CJ35" s="53"/>
      <c r="CK35" s="53"/>
      <c r="CL35" s="53"/>
      <c r="CM35" s="53"/>
      <c r="CN35" s="94"/>
      <c r="CO35" s="65"/>
      <c r="CP35" s="100"/>
    </row>
    <row r="36" spans="1:101" ht="12" customHeight="1" x14ac:dyDescent="0.2">
      <c r="A36" s="31"/>
      <c r="B36" s="5"/>
      <c r="C36" s="320"/>
      <c r="D36" s="320"/>
      <c r="E36" s="320"/>
      <c r="F36" s="320"/>
      <c r="G36" s="320"/>
      <c r="H36" s="320"/>
      <c r="I36" s="320"/>
      <c r="J36" s="320"/>
      <c r="K36" s="320"/>
      <c r="L36" s="320"/>
      <c r="M36" s="320"/>
      <c r="N36" s="320"/>
      <c r="O36" s="320"/>
      <c r="P36" s="320"/>
      <c r="Q36" s="320"/>
      <c r="R36" s="320"/>
      <c r="S36" s="320"/>
      <c r="T36" s="320"/>
      <c r="U36" s="320"/>
      <c r="V36" s="320"/>
      <c r="W36" s="35"/>
      <c r="X36" s="32"/>
      <c r="Y36" s="27"/>
      <c r="Z36" s="27"/>
      <c r="AA36" s="67"/>
      <c r="AB36" s="154" t="s">
        <v>173</v>
      </c>
      <c r="AC36" s="154"/>
      <c r="AD36" s="154"/>
      <c r="AE36" s="154"/>
      <c r="AF36" s="154"/>
      <c r="AG36" s="154"/>
      <c r="AH36" s="154" t="s">
        <v>174</v>
      </c>
      <c r="AI36" s="154"/>
      <c r="AK36" s="153"/>
      <c r="AL36" s="154"/>
      <c r="AM36" s="80"/>
      <c r="AN36" s="154"/>
      <c r="AO36" s="154"/>
      <c r="AP36" s="154"/>
      <c r="AQ36" s="159"/>
      <c r="AR36" s="27"/>
      <c r="AS36" s="27"/>
      <c r="AT36" s="31"/>
      <c r="AU36" s="366" t="s">
        <v>216</v>
      </c>
      <c r="AV36" s="366"/>
      <c r="AW36" s="366"/>
      <c r="AX36" s="366"/>
      <c r="AY36" s="366"/>
      <c r="AZ36" s="366"/>
      <c r="BA36" s="366"/>
      <c r="BB36" s="366"/>
      <c r="BC36" s="366"/>
      <c r="BD36" s="366"/>
      <c r="BE36" s="366"/>
      <c r="BF36" s="366"/>
      <c r="BG36" s="366"/>
      <c r="BH36" s="366"/>
      <c r="BI36" s="366"/>
      <c r="BJ36" s="366"/>
      <c r="BK36" s="366"/>
      <c r="BL36" s="366"/>
      <c r="BM36" s="366"/>
      <c r="BN36" s="366"/>
      <c r="BO36" s="366"/>
      <c r="BP36" s="366"/>
      <c r="BQ36" s="366"/>
      <c r="BR36" s="366"/>
      <c r="BS36" s="366"/>
      <c r="BT36" s="366"/>
      <c r="BU36" s="366"/>
      <c r="BV36" s="366"/>
      <c r="BW36" s="366"/>
      <c r="BX36" s="366"/>
      <c r="BY36" s="366"/>
      <c r="BZ36" s="366"/>
      <c r="CA36" s="366"/>
      <c r="CB36" s="366"/>
      <c r="CC36" s="366"/>
      <c r="CD36" s="366"/>
      <c r="CE36" s="366"/>
      <c r="CF36" s="366"/>
      <c r="CG36" s="366"/>
      <c r="CH36" s="366"/>
      <c r="CI36" s="366"/>
      <c r="CJ36" s="366"/>
      <c r="CK36" s="366"/>
      <c r="CL36" s="366"/>
      <c r="CM36" s="366"/>
      <c r="CN36" s="367"/>
      <c r="CO36" s="34"/>
      <c r="CP36" s="100"/>
    </row>
    <row r="37" spans="1:101" ht="12" customHeight="1" x14ac:dyDescent="0.2">
      <c r="A37" s="31"/>
      <c r="B37" s="66"/>
      <c r="C37" s="320"/>
      <c r="D37" s="320"/>
      <c r="E37" s="320"/>
      <c r="F37" s="320"/>
      <c r="G37" s="320"/>
      <c r="H37" s="320"/>
      <c r="I37" s="320"/>
      <c r="J37" s="320"/>
      <c r="K37" s="320"/>
      <c r="L37" s="320"/>
      <c r="M37" s="320"/>
      <c r="N37" s="320"/>
      <c r="O37" s="320"/>
      <c r="P37" s="320"/>
      <c r="Q37" s="320"/>
      <c r="R37" s="320"/>
      <c r="S37" s="320"/>
      <c r="T37" s="320"/>
      <c r="U37" s="320"/>
      <c r="V37" s="320"/>
      <c r="W37" s="35"/>
      <c r="X37" s="32"/>
      <c r="Y37" s="27"/>
      <c r="Z37" s="27"/>
      <c r="AA37" s="67"/>
      <c r="AB37" s="154" t="s">
        <v>175</v>
      </c>
      <c r="AC37" s="154"/>
      <c r="AD37" s="154"/>
      <c r="AE37" s="154"/>
      <c r="AF37" s="154"/>
      <c r="AG37" s="154"/>
      <c r="AH37" s="154" t="s">
        <v>176</v>
      </c>
      <c r="AI37" s="154"/>
      <c r="AK37" s="154"/>
      <c r="AL37" s="154"/>
      <c r="AM37" s="80"/>
      <c r="AN37" s="154"/>
      <c r="AO37" s="154"/>
      <c r="AP37" s="154"/>
      <c r="AQ37" s="159"/>
      <c r="AR37" s="27"/>
      <c r="AS37" s="27"/>
      <c r="AT37" s="29"/>
      <c r="AU37" s="366"/>
      <c r="AV37" s="366"/>
      <c r="AW37" s="366"/>
      <c r="AX37" s="366"/>
      <c r="AY37" s="366"/>
      <c r="AZ37" s="366"/>
      <c r="BA37" s="366"/>
      <c r="BB37" s="366"/>
      <c r="BC37" s="366"/>
      <c r="BD37" s="366"/>
      <c r="BE37" s="366"/>
      <c r="BF37" s="366"/>
      <c r="BG37" s="366"/>
      <c r="BH37" s="366"/>
      <c r="BI37" s="366"/>
      <c r="BJ37" s="366"/>
      <c r="BK37" s="366"/>
      <c r="BL37" s="366"/>
      <c r="BM37" s="366"/>
      <c r="BN37" s="366"/>
      <c r="BO37" s="366"/>
      <c r="BP37" s="366"/>
      <c r="BQ37" s="366"/>
      <c r="BR37" s="366"/>
      <c r="BS37" s="366"/>
      <c r="BT37" s="366"/>
      <c r="BU37" s="366"/>
      <c r="BV37" s="366"/>
      <c r="BW37" s="366"/>
      <c r="BX37" s="366"/>
      <c r="BY37" s="366"/>
      <c r="BZ37" s="366"/>
      <c r="CA37" s="366"/>
      <c r="CB37" s="366"/>
      <c r="CC37" s="366"/>
      <c r="CD37" s="366"/>
      <c r="CE37" s="366"/>
      <c r="CF37" s="366"/>
      <c r="CG37" s="366"/>
      <c r="CH37" s="366"/>
      <c r="CI37" s="366"/>
      <c r="CJ37" s="366"/>
      <c r="CK37" s="366"/>
      <c r="CL37" s="366"/>
      <c r="CM37" s="366"/>
      <c r="CN37" s="367"/>
      <c r="CO37" s="30"/>
      <c r="CP37" s="100"/>
    </row>
    <row r="38" spans="1:101" ht="12" customHeight="1" x14ac:dyDescent="0.2">
      <c r="A38" s="31"/>
      <c r="B38" s="66"/>
      <c r="C38" s="320"/>
      <c r="D38" s="320"/>
      <c r="E38" s="320"/>
      <c r="F38" s="320"/>
      <c r="G38" s="320"/>
      <c r="H38" s="320"/>
      <c r="I38" s="320"/>
      <c r="J38" s="320"/>
      <c r="K38" s="320"/>
      <c r="L38" s="320"/>
      <c r="M38" s="320"/>
      <c r="N38" s="320"/>
      <c r="O38" s="320"/>
      <c r="P38" s="320"/>
      <c r="Q38" s="320"/>
      <c r="R38" s="320"/>
      <c r="S38" s="320"/>
      <c r="T38" s="320"/>
      <c r="U38" s="320"/>
      <c r="V38" s="320"/>
      <c r="W38" s="35"/>
      <c r="X38" s="32"/>
      <c r="Y38" s="27"/>
      <c r="Z38" s="27"/>
      <c r="AA38" s="67"/>
      <c r="AB38" s="154" t="s">
        <v>153</v>
      </c>
      <c r="AC38" s="154"/>
      <c r="AD38" s="154"/>
      <c r="AE38" s="154"/>
      <c r="AF38" s="154"/>
      <c r="AG38" s="154"/>
      <c r="AH38" s="154" t="s">
        <v>177</v>
      </c>
      <c r="AI38" s="154"/>
      <c r="AK38" s="154"/>
      <c r="AL38" s="154"/>
      <c r="AM38" s="80"/>
      <c r="AN38" s="154"/>
      <c r="AO38" s="154"/>
      <c r="AP38" s="154"/>
      <c r="AQ38" s="161"/>
      <c r="AR38" s="27"/>
      <c r="AS38" s="27"/>
      <c r="AT38" s="29"/>
      <c r="AU38" s="65"/>
      <c r="AV38" s="65"/>
      <c r="AW38" s="34" t="s">
        <v>115</v>
      </c>
      <c r="AX38" s="34"/>
      <c r="AY38" s="34"/>
      <c r="AZ38" s="34"/>
      <c r="BA38" s="34"/>
      <c r="BB38" s="34"/>
      <c r="BC38" s="34"/>
      <c r="BD38" s="34"/>
      <c r="BE38" s="34"/>
      <c r="BF38" s="34"/>
      <c r="BG38" s="34"/>
      <c r="BH38" s="28"/>
      <c r="BI38" s="34"/>
      <c r="BJ38" s="34" t="s">
        <v>116</v>
      </c>
      <c r="BK38" s="28"/>
      <c r="BL38" s="34"/>
      <c r="BM38" s="34"/>
      <c r="BN38" s="34"/>
      <c r="BO38" s="34"/>
      <c r="BP38" s="34"/>
      <c r="BQ38" s="34"/>
      <c r="BR38" s="34"/>
      <c r="BS38" s="28"/>
      <c r="BT38" s="34"/>
      <c r="BU38" s="34"/>
      <c r="BV38" s="34"/>
      <c r="BW38" s="28"/>
      <c r="BX38" s="34"/>
      <c r="BY38" s="34"/>
      <c r="BZ38" s="34"/>
      <c r="CA38" s="65"/>
      <c r="CB38" s="65"/>
      <c r="CC38" s="65"/>
      <c r="CD38" s="65"/>
      <c r="CE38" s="65"/>
      <c r="CF38" s="65"/>
      <c r="CG38" s="65"/>
      <c r="CH38" s="65"/>
      <c r="CI38" s="65"/>
      <c r="CJ38" s="65"/>
      <c r="CK38" s="65"/>
      <c r="CL38" s="65"/>
      <c r="CM38" s="65"/>
      <c r="CN38" s="95"/>
      <c r="CO38" s="30"/>
      <c r="CP38" s="51"/>
    </row>
    <row r="39" spans="1:101" ht="12" customHeight="1" x14ac:dyDescent="0.2">
      <c r="A39" s="31"/>
      <c r="B39" s="66"/>
      <c r="C39" s="320"/>
      <c r="D39" s="320"/>
      <c r="E39" s="320"/>
      <c r="F39" s="320"/>
      <c r="G39" s="320"/>
      <c r="H39" s="320"/>
      <c r="I39" s="320"/>
      <c r="J39" s="320"/>
      <c r="K39" s="320"/>
      <c r="L39" s="320"/>
      <c r="M39" s="320"/>
      <c r="N39" s="320"/>
      <c r="O39" s="320"/>
      <c r="P39" s="320"/>
      <c r="Q39" s="320"/>
      <c r="R39" s="320"/>
      <c r="S39" s="320"/>
      <c r="T39" s="320"/>
      <c r="U39" s="320"/>
      <c r="V39" s="320"/>
      <c r="W39" s="35"/>
      <c r="X39" s="32"/>
      <c r="Y39" s="27"/>
      <c r="Z39" s="27"/>
      <c r="AA39" s="31"/>
      <c r="AB39" s="154" t="s">
        <v>107</v>
      </c>
      <c r="AC39" s="154"/>
      <c r="AD39" s="154"/>
      <c r="AE39" s="154"/>
      <c r="AF39" s="154"/>
      <c r="AG39" s="154"/>
      <c r="AH39" s="154"/>
      <c r="AI39" s="162" t="s">
        <v>108</v>
      </c>
      <c r="AJ39" s="404"/>
      <c r="AK39" s="404"/>
      <c r="AL39" s="404"/>
      <c r="AM39" s="404"/>
      <c r="AN39" s="404"/>
      <c r="AO39" s="404"/>
      <c r="AP39" s="404"/>
      <c r="AQ39" s="161" t="s">
        <v>109</v>
      </c>
      <c r="AR39" s="27"/>
      <c r="AS39" s="27"/>
      <c r="AT39" s="151"/>
      <c r="AU39" s="19"/>
      <c r="AV39" s="19"/>
      <c r="AW39" s="19"/>
      <c r="AX39" s="19"/>
      <c r="AY39" s="19"/>
      <c r="AZ39" s="19"/>
      <c r="BA39" s="19"/>
      <c r="BB39" s="19"/>
      <c r="BC39" s="19"/>
      <c r="BD39" s="19"/>
      <c r="BE39" s="19"/>
      <c r="BF39" s="19"/>
      <c r="BG39" s="19"/>
      <c r="BH39" s="19"/>
      <c r="BI39" s="19"/>
      <c r="BJ39" s="19"/>
      <c r="BK39" s="19"/>
      <c r="BL39" s="19"/>
      <c r="BM39" s="19"/>
      <c r="BN39" s="19"/>
      <c r="BO39" s="19"/>
      <c r="BP39" s="19"/>
      <c r="BQ39" s="19"/>
      <c r="BR39" s="19"/>
      <c r="BS39" s="19"/>
      <c r="BT39" s="19"/>
      <c r="BU39" s="19"/>
      <c r="BV39" s="19"/>
      <c r="BW39" s="19"/>
      <c r="BX39" s="19"/>
      <c r="BY39" s="19"/>
      <c r="BZ39" s="19"/>
      <c r="CA39" s="19"/>
      <c r="CB39" s="19"/>
      <c r="CC39" s="19"/>
      <c r="CD39" s="19"/>
      <c r="CE39" s="19"/>
      <c r="CF39" s="19"/>
      <c r="CG39" s="19"/>
      <c r="CH39" s="19"/>
      <c r="CI39" s="19"/>
      <c r="CJ39" s="19"/>
      <c r="CK39" s="19"/>
      <c r="CL39" s="19"/>
      <c r="CM39" s="19"/>
      <c r="CN39" s="148"/>
      <c r="CO39" s="34"/>
      <c r="CT39" s="34"/>
    </row>
    <row r="40" spans="1:101" ht="12" customHeight="1" x14ac:dyDescent="0.2">
      <c r="A40" s="31"/>
      <c r="B40" s="66"/>
      <c r="C40" s="320"/>
      <c r="D40" s="320"/>
      <c r="E40" s="320"/>
      <c r="F40" s="320"/>
      <c r="G40" s="320"/>
      <c r="H40" s="320"/>
      <c r="I40" s="320"/>
      <c r="J40" s="320"/>
      <c r="K40" s="320"/>
      <c r="L40" s="320"/>
      <c r="M40" s="320"/>
      <c r="N40" s="320"/>
      <c r="O40" s="320"/>
      <c r="P40" s="320"/>
      <c r="Q40" s="320"/>
      <c r="R40" s="320"/>
      <c r="S40" s="320"/>
      <c r="T40" s="320"/>
      <c r="U40" s="320"/>
      <c r="V40" s="320"/>
      <c r="W40" s="35"/>
      <c r="X40" s="32"/>
      <c r="Y40" s="27"/>
      <c r="Z40" s="5"/>
      <c r="AA40" s="165"/>
      <c r="AB40" s="5"/>
      <c r="AC40" s="5"/>
      <c r="AD40" s="5"/>
      <c r="AE40" s="5"/>
      <c r="AF40" s="28"/>
      <c r="AG40" s="28"/>
      <c r="AH40" s="28"/>
      <c r="AI40" s="28"/>
      <c r="AJ40" s="28"/>
      <c r="AK40" s="28"/>
      <c r="AL40" s="28"/>
      <c r="AM40" s="28"/>
      <c r="AN40" s="28"/>
      <c r="AO40" s="28"/>
      <c r="AP40" s="28"/>
      <c r="AQ40" s="92"/>
      <c r="AR40" s="28"/>
      <c r="AT40" s="37" t="s">
        <v>204</v>
      </c>
      <c r="AU40" s="34"/>
      <c r="AV40" s="34"/>
      <c r="AW40" s="35"/>
      <c r="AX40" s="35"/>
      <c r="AY40" s="35"/>
      <c r="AZ40" s="35"/>
      <c r="BA40" s="35"/>
      <c r="BB40" s="35"/>
      <c r="BC40" s="35"/>
      <c r="BD40" s="35"/>
      <c r="BE40" s="35"/>
      <c r="BF40" s="35"/>
      <c r="BG40" s="35"/>
      <c r="BH40" s="35"/>
      <c r="BI40" s="35"/>
      <c r="BJ40" s="35"/>
      <c r="BK40" s="35"/>
      <c r="BL40" s="35"/>
      <c r="BM40" s="35"/>
      <c r="BN40" s="35"/>
      <c r="BO40" s="35"/>
      <c r="BP40" s="35"/>
      <c r="BQ40" s="35"/>
      <c r="BR40" s="35"/>
      <c r="BS40" s="35"/>
      <c r="BT40" s="35"/>
      <c r="BU40" s="35"/>
      <c r="BV40" s="35"/>
      <c r="BW40" s="35"/>
      <c r="BX40" s="35"/>
      <c r="BY40" s="35"/>
      <c r="BZ40" s="35"/>
      <c r="CA40" s="28"/>
      <c r="CB40" s="34"/>
      <c r="CC40" s="34"/>
      <c r="CD40" s="34"/>
      <c r="CE40" s="34"/>
      <c r="CF40" s="34"/>
      <c r="CG40" s="34"/>
      <c r="CH40" s="34"/>
      <c r="CI40" s="34"/>
      <c r="CJ40" s="34"/>
      <c r="CK40" s="34"/>
      <c r="CL40" s="34"/>
      <c r="CM40" s="34"/>
      <c r="CN40" s="93"/>
      <c r="CO40" s="28"/>
      <c r="CT40" s="28"/>
    </row>
    <row r="41" spans="1:101" ht="12" customHeight="1" x14ac:dyDescent="0.2">
      <c r="A41" s="31"/>
      <c r="B41" s="66"/>
      <c r="C41" s="320"/>
      <c r="D41" s="320"/>
      <c r="E41" s="320"/>
      <c r="F41" s="320"/>
      <c r="G41" s="320"/>
      <c r="H41" s="320"/>
      <c r="I41" s="320"/>
      <c r="J41" s="320"/>
      <c r="K41" s="320"/>
      <c r="L41" s="320"/>
      <c r="M41" s="320"/>
      <c r="N41" s="320"/>
      <c r="O41" s="320"/>
      <c r="P41" s="320"/>
      <c r="Q41" s="320"/>
      <c r="R41" s="320"/>
      <c r="S41" s="320"/>
      <c r="T41" s="320"/>
      <c r="U41" s="320"/>
      <c r="V41" s="320"/>
      <c r="W41" s="35"/>
      <c r="X41" s="32"/>
      <c r="Y41" s="27"/>
      <c r="AA41" s="164" t="s">
        <v>195</v>
      </c>
      <c r="AB41" s="19"/>
      <c r="AC41" s="19"/>
      <c r="AD41" s="19"/>
      <c r="AE41" s="19"/>
      <c r="AF41" s="19"/>
      <c r="AG41" s="19"/>
      <c r="AH41" s="19"/>
      <c r="AI41" s="19"/>
      <c r="AJ41" s="19"/>
      <c r="AK41" s="19"/>
      <c r="AL41" s="19"/>
      <c r="AM41" s="19"/>
      <c r="AN41" s="19"/>
      <c r="AO41" s="19"/>
      <c r="AP41" s="19"/>
      <c r="AQ41" s="148"/>
      <c r="AR41" s="27"/>
      <c r="AS41" s="27"/>
      <c r="AT41" s="37"/>
      <c r="AU41" s="366" t="s">
        <v>217</v>
      </c>
      <c r="AV41" s="366"/>
      <c r="AW41" s="366"/>
      <c r="AX41" s="366"/>
      <c r="AY41" s="366"/>
      <c r="AZ41" s="366"/>
      <c r="BA41" s="366"/>
      <c r="BB41" s="366"/>
      <c r="BC41" s="366"/>
      <c r="BD41" s="366"/>
      <c r="BE41" s="366"/>
      <c r="BF41" s="366"/>
      <c r="BG41" s="366"/>
      <c r="BH41" s="366"/>
      <c r="BI41" s="366"/>
      <c r="BJ41" s="366"/>
      <c r="BK41" s="366"/>
      <c r="BL41" s="366"/>
      <c r="BM41" s="366"/>
      <c r="BN41" s="366"/>
      <c r="BO41" s="366"/>
      <c r="BP41" s="366"/>
      <c r="BQ41" s="366"/>
      <c r="BR41" s="366"/>
      <c r="BS41" s="366"/>
      <c r="BT41" s="366"/>
      <c r="BU41" s="366"/>
      <c r="BV41" s="366"/>
      <c r="BW41" s="366"/>
      <c r="BX41" s="366"/>
      <c r="BY41" s="366"/>
      <c r="BZ41" s="366"/>
      <c r="CA41" s="366"/>
      <c r="CB41" s="366"/>
      <c r="CC41" s="366"/>
      <c r="CD41" s="366"/>
      <c r="CE41" s="366"/>
      <c r="CF41" s="366"/>
      <c r="CG41" s="366"/>
      <c r="CH41" s="366"/>
      <c r="CI41" s="366"/>
      <c r="CJ41" s="366"/>
      <c r="CK41" s="366"/>
      <c r="CL41" s="366"/>
      <c r="CM41" s="366"/>
      <c r="CN41" s="367"/>
      <c r="CO41" s="99"/>
    </row>
    <row r="42" spans="1:101" ht="12" customHeight="1" x14ac:dyDescent="0.2">
      <c r="A42" s="31"/>
      <c r="B42" s="66"/>
      <c r="C42" s="320"/>
      <c r="D42" s="320"/>
      <c r="E42" s="320"/>
      <c r="F42" s="320"/>
      <c r="G42" s="320"/>
      <c r="H42" s="320"/>
      <c r="I42" s="320"/>
      <c r="J42" s="320"/>
      <c r="K42" s="320"/>
      <c r="L42" s="320"/>
      <c r="M42" s="320"/>
      <c r="N42" s="320"/>
      <c r="O42" s="320"/>
      <c r="P42" s="320"/>
      <c r="Q42" s="320"/>
      <c r="R42" s="320"/>
      <c r="S42" s="320"/>
      <c r="T42" s="320"/>
      <c r="U42" s="320"/>
      <c r="V42" s="320"/>
      <c r="W42" s="35"/>
      <c r="X42" s="32"/>
      <c r="Y42" s="27"/>
      <c r="AA42" s="151"/>
      <c r="AB42" s="406" t="s">
        <v>210</v>
      </c>
      <c r="AC42" s="407"/>
      <c r="AD42" s="407"/>
      <c r="AE42" s="407"/>
      <c r="AF42" s="407"/>
      <c r="AG42" s="407"/>
      <c r="AH42" s="407"/>
      <c r="AI42" s="407"/>
      <c r="AJ42" s="407"/>
      <c r="AK42" s="407"/>
      <c r="AL42" s="407"/>
      <c r="AM42" s="407"/>
      <c r="AN42" s="407"/>
      <c r="AO42" s="407"/>
      <c r="AP42" s="407"/>
      <c r="AQ42" s="408"/>
      <c r="AR42" s="27"/>
      <c r="AS42" s="27"/>
      <c r="AT42" s="37"/>
      <c r="AU42" s="366"/>
      <c r="AV42" s="366"/>
      <c r="AW42" s="366"/>
      <c r="AX42" s="366"/>
      <c r="AY42" s="366"/>
      <c r="AZ42" s="366"/>
      <c r="BA42" s="366"/>
      <c r="BB42" s="366"/>
      <c r="BC42" s="366"/>
      <c r="BD42" s="366"/>
      <c r="BE42" s="366"/>
      <c r="BF42" s="366"/>
      <c r="BG42" s="366"/>
      <c r="BH42" s="366"/>
      <c r="BI42" s="366"/>
      <c r="BJ42" s="366"/>
      <c r="BK42" s="366"/>
      <c r="BL42" s="366"/>
      <c r="BM42" s="366"/>
      <c r="BN42" s="366"/>
      <c r="BO42" s="366"/>
      <c r="BP42" s="366"/>
      <c r="BQ42" s="366"/>
      <c r="BR42" s="366"/>
      <c r="BS42" s="366"/>
      <c r="BT42" s="366"/>
      <c r="BU42" s="366"/>
      <c r="BV42" s="366"/>
      <c r="BW42" s="366"/>
      <c r="BX42" s="366"/>
      <c r="BY42" s="366"/>
      <c r="BZ42" s="366"/>
      <c r="CA42" s="366"/>
      <c r="CB42" s="366"/>
      <c r="CC42" s="366"/>
      <c r="CD42" s="366"/>
      <c r="CE42" s="366"/>
      <c r="CF42" s="366"/>
      <c r="CG42" s="366"/>
      <c r="CH42" s="366"/>
      <c r="CI42" s="366"/>
      <c r="CJ42" s="366"/>
      <c r="CK42" s="366"/>
      <c r="CL42" s="366"/>
      <c r="CM42" s="366"/>
      <c r="CN42" s="367"/>
      <c r="CO42" s="99"/>
      <c r="CP42" s="51"/>
      <c r="CR42" s="98"/>
      <c r="CS42" s="98"/>
    </row>
    <row r="43" spans="1:101" ht="12" customHeight="1" x14ac:dyDescent="0.2">
      <c r="A43" s="31"/>
      <c r="B43" s="406" t="s">
        <v>117</v>
      </c>
      <c r="C43" s="406"/>
      <c r="D43" s="406"/>
      <c r="E43" s="406"/>
      <c r="F43" s="406"/>
      <c r="G43" s="406"/>
      <c r="H43" s="406"/>
      <c r="I43" s="406"/>
      <c r="J43" s="406"/>
      <c r="K43" s="406"/>
      <c r="L43" s="406"/>
      <c r="M43" s="406"/>
      <c r="N43" s="406"/>
      <c r="O43" s="406"/>
      <c r="P43" s="406"/>
      <c r="Q43" s="406"/>
      <c r="R43" s="406"/>
      <c r="S43" s="406"/>
      <c r="T43" s="406"/>
      <c r="U43" s="406"/>
      <c r="V43" s="406"/>
      <c r="W43" s="406"/>
      <c r="X43" s="32"/>
      <c r="Y43" s="27"/>
      <c r="AA43" s="151"/>
      <c r="AB43" s="407"/>
      <c r="AC43" s="407"/>
      <c r="AD43" s="407"/>
      <c r="AE43" s="407"/>
      <c r="AF43" s="407"/>
      <c r="AG43" s="407"/>
      <c r="AH43" s="407"/>
      <c r="AI43" s="407"/>
      <c r="AJ43" s="407"/>
      <c r="AK43" s="407"/>
      <c r="AL43" s="407"/>
      <c r="AM43" s="407"/>
      <c r="AN43" s="407"/>
      <c r="AO43" s="407"/>
      <c r="AP43" s="407"/>
      <c r="AQ43" s="408"/>
      <c r="AR43" s="27"/>
      <c r="AS43" s="27"/>
      <c r="AT43" s="151"/>
      <c r="AU43" s="28"/>
      <c r="AV43" s="28"/>
      <c r="AW43" s="28"/>
      <c r="AX43" s="28"/>
      <c r="AY43" s="28"/>
      <c r="AZ43" s="28"/>
      <c r="BA43" s="28"/>
      <c r="BB43" s="28"/>
      <c r="BC43" s="28"/>
      <c r="BD43" s="28"/>
      <c r="BE43" s="28"/>
      <c r="BF43" s="28"/>
      <c r="BG43" s="28"/>
      <c r="BH43" s="28"/>
      <c r="BI43" s="28"/>
      <c r="BJ43" s="28"/>
      <c r="BK43" s="28"/>
      <c r="BL43" s="28"/>
      <c r="BM43" s="28"/>
      <c r="BN43" s="28"/>
      <c r="BO43" s="28"/>
      <c r="BP43" s="28"/>
      <c r="BQ43" s="28"/>
      <c r="BR43" s="28"/>
      <c r="BS43" s="28"/>
      <c r="BT43" s="28"/>
      <c r="BU43" s="28"/>
      <c r="BV43" s="28"/>
      <c r="BW43" s="28"/>
      <c r="BX43" s="28"/>
      <c r="BY43" s="28"/>
      <c r="BZ43" s="28"/>
      <c r="CA43" s="28"/>
      <c r="CB43" s="28"/>
      <c r="CC43" s="28"/>
      <c r="CD43" s="28"/>
      <c r="CE43" s="28"/>
      <c r="CF43" s="28"/>
      <c r="CG43" s="28"/>
      <c r="CH43" s="28"/>
      <c r="CI43" s="28"/>
      <c r="CJ43" s="28"/>
      <c r="CK43" s="28"/>
      <c r="CL43" s="28"/>
      <c r="CM43" s="28"/>
      <c r="CN43" s="92"/>
      <c r="CO43" s="99"/>
      <c r="CP43" s="51"/>
      <c r="CQ43" s="34"/>
      <c r="CR43" s="98"/>
      <c r="CS43" s="98"/>
    </row>
    <row r="44" spans="1:101" ht="12" customHeight="1" x14ac:dyDescent="0.2">
      <c r="A44" s="31"/>
      <c r="B44" s="406"/>
      <c r="C44" s="406"/>
      <c r="D44" s="406"/>
      <c r="E44" s="406"/>
      <c r="F44" s="406"/>
      <c r="G44" s="406"/>
      <c r="H44" s="406"/>
      <c r="I44" s="406"/>
      <c r="J44" s="406"/>
      <c r="K44" s="406"/>
      <c r="L44" s="406"/>
      <c r="M44" s="406"/>
      <c r="N44" s="406"/>
      <c r="O44" s="406"/>
      <c r="P44" s="406"/>
      <c r="Q44" s="406"/>
      <c r="R44" s="406"/>
      <c r="S44" s="406"/>
      <c r="T44" s="406"/>
      <c r="U44" s="406"/>
      <c r="V44" s="406"/>
      <c r="W44" s="406"/>
      <c r="X44" s="32"/>
      <c r="Y44" s="27"/>
      <c r="AA44" s="151"/>
      <c r="AB44" s="407"/>
      <c r="AC44" s="407"/>
      <c r="AD44" s="407"/>
      <c r="AE44" s="407"/>
      <c r="AF44" s="407"/>
      <c r="AG44" s="407"/>
      <c r="AH44" s="407"/>
      <c r="AI44" s="407"/>
      <c r="AJ44" s="407"/>
      <c r="AK44" s="407"/>
      <c r="AL44" s="407"/>
      <c r="AM44" s="407"/>
      <c r="AN44" s="407"/>
      <c r="AO44" s="407"/>
      <c r="AP44" s="407"/>
      <c r="AQ44" s="408"/>
      <c r="AR44" s="27"/>
      <c r="AS44" s="27"/>
      <c r="AT44" s="37" t="s">
        <v>205</v>
      </c>
      <c r="AU44" s="19"/>
      <c r="AV44" s="30"/>
      <c r="AW44" s="30"/>
      <c r="AX44" s="30"/>
      <c r="AY44" s="30"/>
      <c r="AZ44" s="30"/>
      <c r="BA44" s="30"/>
      <c r="BB44" s="30"/>
      <c r="BC44" s="30"/>
      <c r="BD44" s="30"/>
      <c r="BE44" s="30"/>
      <c r="BF44" s="30"/>
      <c r="BG44" s="30"/>
      <c r="BH44" s="30"/>
      <c r="BI44" s="30"/>
      <c r="BJ44" s="30"/>
      <c r="BK44" s="30"/>
      <c r="BL44" s="30"/>
      <c r="BM44" s="30"/>
      <c r="BN44" s="30"/>
      <c r="BO44" s="30"/>
      <c r="BP44" s="30"/>
      <c r="BQ44" s="30"/>
      <c r="BR44" s="30"/>
      <c r="BS44" s="30"/>
      <c r="BT44" s="30"/>
      <c r="BU44" s="30"/>
      <c r="BV44" s="30"/>
      <c r="BW44" s="30"/>
      <c r="BX44" s="30"/>
      <c r="BY44" s="30"/>
      <c r="BZ44" s="30"/>
      <c r="CA44" s="30"/>
      <c r="CB44" s="30"/>
      <c r="CC44" s="30"/>
      <c r="CD44" s="30"/>
      <c r="CE44" s="30"/>
      <c r="CF44" s="30"/>
      <c r="CG44" s="30"/>
      <c r="CH44" s="30"/>
      <c r="CI44" s="30"/>
      <c r="CJ44" s="30"/>
      <c r="CK44" s="30"/>
      <c r="CL44" s="30"/>
      <c r="CM44" s="30"/>
      <c r="CN44" s="91"/>
      <c r="CO44" s="99"/>
      <c r="CP44" s="51"/>
      <c r="CQ44" s="34"/>
      <c r="CR44" s="98"/>
      <c r="CS44" s="98"/>
    </row>
    <row r="45" spans="1:101" ht="12" customHeight="1" x14ac:dyDescent="0.2">
      <c r="A45" s="31"/>
      <c r="B45" s="406"/>
      <c r="C45" s="406"/>
      <c r="D45" s="406"/>
      <c r="E45" s="406"/>
      <c r="F45" s="406"/>
      <c r="G45" s="406"/>
      <c r="H45" s="406"/>
      <c r="I45" s="406"/>
      <c r="J45" s="406"/>
      <c r="K45" s="406"/>
      <c r="L45" s="406"/>
      <c r="M45" s="406"/>
      <c r="N45" s="406"/>
      <c r="O45" s="406"/>
      <c r="P45" s="406"/>
      <c r="Q45" s="406"/>
      <c r="R45" s="406"/>
      <c r="S45" s="406"/>
      <c r="T45" s="406"/>
      <c r="U45" s="406"/>
      <c r="V45" s="406"/>
      <c r="W45" s="406"/>
      <c r="X45" s="32"/>
      <c r="Y45" s="16"/>
      <c r="Z45" s="16"/>
      <c r="AA45" s="31"/>
      <c r="AB45" s="154" t="s">
        <v>185</v>
      </c>
      <c r="AC45" s="19"/>
      <c r="AD45" s="19"/>
      <c r="AE45" s="19"/>
      <c r="AF45" s="154" t="s">
        <v>186</v>
      </c>
      <c r="AG45" s="35"/>
      <c r="AH45" s="35"/>
      <c r="AI45" s="35"/>
      <c r="AJ45" s="35"/>
      <c r="AK45" s="35"/>
      <c r="AL45" s="35"/>
      <c r="AM45" s="35"/>
      <c r="AN45" s="35"/>
      <c r="AO45" s="35"/>
      <c r="AP45" s="35"/>
      <c r="AQ45" s="32"/>
      <c r="AR45" s="16"/>
      <c r="AS45" s="16"/>
      <c r="AT45" s="29"/>
      <c r="AU45" s="366" t="s">
        <v>218</v>
      </c>
      <c r="AV45" s="366"/>
      <c r="AW45" s="366"/>
      <c r="AX45" s="366"/>
      <c r="AY45" s="366"/>
      <c r="AZ45" s="366"/>
      <c r="BA45" s="366"/>
      <c r="BB45" s="366"/>
      <c r="BC45" s="366"/>
      <c r="BD45" s="366"/>
      <c r="BE45" s="366"/>
      <c r="BF45" s="366"/>
      <c r="BG45" s="366"/>
      <c r="BH45" s="366"/>
      <c r="BI45" s="366"/>
      <c r="BJ45" s="366"/>
      <c r="BK45" s="366"/>
      <c r="BL45" s="366"/>
      <c r="BM45" s="366"/>
      <c r="BN45" s="366"/>
      <c r="BO45" s="366"/>
      <c r="BP45" s="366"/>
      <c r="BQ45" s="366"/>
      <c r="BR45" s="366"/>
      <c r="BS45" s="366"/>
      <c r="BT45" s="366"/>
      <c r="BU45" s="366"/>
      <c r="BV45" s="366"/>
      <c r="BW45" s="366"/>
      <c r="BX45" s="366"/>
      <c r="BY45" s="366"/>
      <c r="BZ45" s="366"/>
      <c r="CA45" s="366"/>
      <c r="CB45" s="366"/>
      <c r="CC45" s="366"/>
      <c r="CD45" s="366"/>
      <c r="CE45" s="366"/>
      <c r="CF45" s="366"/>
      <c r="CG45" s="366"/>
      <c r="CH45" s="366"/>
      <c r="CI45" s="366"/>
      <c r="CJ45" s="366"/>
      <c r="CK45" s="366"/>
      <c r="CL45" s="366"/>
      <c r="CM45" s="366"/>
      <c r="CN45" s="367"/>
      <c r="CO45" s="99"/>
      <c r="CP45" s="51"/>
      <c r="CQ45" s="34"/>
      <c r="CR45" s="98"/>
      <c r="CS45" s="98"/>
    </row>
    <row r="46" spans="1:101" ht="12" customHeight="1" x14ac:dyDescent="0.2">
      <c r="A46" s="31"/>
      <c r="B46" s="406"/>
      <c r="C46" s="406"/>
      <c r="D46" s="406"/>
      <c r="E46" s="406"/>
      <c r="F46" s="406"/>
      <c r="G46" s="406"/>
      <c r="H46" s="406"/>
      <c r="I46" s="406"/>
      <c r="J46" s="406"/>
      <c r="K46" s="406"/>
      <c r="L46" s="406"/>
      <c r="M46" s="406"/>
      <c r="N46" s="406"/>
      <c r="O46" s="406"/>
      <c r="P46" s="406"/>
      <c r="Q46" s="406"/>
      <c r="R46" s="406"/>
      <c r="S46" s="406"/>
      <c r="T46" s="406"/>
      <c r="U46" s="406"/>
      <c r="V46" s="406"/>
      <c r="W46" s="406"/>
      <c r="X46" s="32"/>
      <c r="Y46" s="16"/>
      <c r="Z46" s="16"/>
      <c r="AA46" s="31"/>
      <c r="AB46" s="35"/>
      <c r="AC46" s="35"/>
      <c r="AD46" s="35"/>
      <c r="AE46" s="35"/>
      <c r="AF46" s="35"/>
      <c r="AG46" s="35"/>
      <c r="AH46" s="35"/>
      <c r="AI46" s="35"/>
      <c r="AJ46" s="35"/>
      <c r="AK46" s="35"/>
      <c r="AL46" s="35"/>
      <c r="AM46" s="35"/>
      <c r="AN46" s="35"/>
      <c r="AO46" s="35"/>
      <c r="AP46" s="35"/>
      <c r="AQ46" s="32"/>
      <c r="AR46" s="16"/>
      <c r="AS46" s="16"/>
      <c r="AT46" s="29"/>
      <c r="AU46" s="366"/>
      <c r="AV46" s="366"/>
      <c r="AW46" s="366"/>
      <c r="AX46" s="366"/>
      <c r="AY46" s="366"/>
      <c r="AZ46" s="366"/>
      <c r="BA46" s="366"/>
      <c r="BB46" s="366"/>
      <c r="BC46" s="366"/>
      <c r="BD46" s="366"/>
      <c r="BE46" s="366"/>
      <c r="BF46" s="366"/>
      <c r="BG46" s="366"/>
      <c r="BH46" s="366"/>
      <c r="BI46" s="366"/>
      <c r="BJ46" s="366"/>
      <c r="BK46" s="366"/>
      <c r="BL46" s="366"/>
      <c r="BM46" s="366"/>
      <c r="BN46" s="366"/>
      <c r="BO46" s="366"/>
      <c r="BP46" s="366"/>
      <c r="BQ46" s="366"/>
      <c r="BR46" s="366"/>
      <c r="BS46" s="366"/>
      <c r="BT46" s="366"/>
      <c r="BU46" s="366"/>
      <c r="BV46" s="366"/>
      <c r="BW46" s="366"/>
      <c r="BX46" s="366"/>
      <c r="BY46" s="366"/>
      <c r="BZ46" s="366"/>
      <c r="CA46" s="366"/>
      <c r="CB46" s="366"/>
      <c r="CC46" s="366"/>
      <c r="CD46" s="366"/>
      <c r="CE46" s="366"/>
      <c r="CF46" s="366"/>
      <c r="CG46" s="366"/>
      <c r="CH46" s="366"/>
      <c r="CI46" s="366"/>
      <c r="CJ46" s="366"/>
      <c r="CK46" s="366"/>
      <c r="CL46" s="366"/>
      <c r="CM46" s="366"/>
      <c r="CN46" s="367"/>
      <c r="CO46" s="99"/>
      <c r="CP46" s="51"/>
      <c r="CQ46" s="34"/>
      <c r="CR46" s="98"/>
      <c r="CS46" s="98"/>
    </row>
    <row r="47" spans="1:101" ht="12" customHeight="1" x14ac:dyDescent="0.2">
      <c r="A47" s="31"/>
      <c r="B47" s="406"/>
      <c r="C47" s="406"/>
      <c r="D47" s="406"/>
      <c r="E47" s="406"/>
      <c r="F47" s="406"/>
      <c r="G47" s="406"/>
      <c r="H47" s="406"/>
      <c r="I47" s="406"/>
      <c r="J47" s="406"/>
      <c r="K47" s="406"/>
      <c r="L47" s="406"/>
      <c r="M47" s="406"/>
      <c r="N47" s="406"/>
      <c r="O47" s="406"/>
      <c r="P47" s="406"/>
      <c r="Q47" s="406"/>
      <c r="R47" s="406"/>
      <c r="S47" s="406"/>
      <c r="T47" s="406"/>
      <c r="U47" s="406"/>
      <c r="V47" s="406"/>
      <c r="W47" s="406"/>
      <c r="X47" s="32"/>
      <c r="Y47" s="27"/>
      <c r="Z47" s="27"/>
      <c r="AA47" s="38" t="s">
        <v>188</v>
      </c>
      <c r="AB47" s="64"/>
      <c r="AC47" s="145"/>
      <c r="AD47" s="145"/>
      <c r="AE47" s="145"/>
      <c r="AF47" s="145"/>
      <c r="AG47" s="145"/>
      <c r="AH47" s="145"/>
      <c r="AI47" s="145"/>
      <c r="AJ47" s="145"/>
      <c r="AK47" s="145"/>
      <c r="AL47" s="145"/>
      <c r="AM47" s="145"/>
      <c r="AN47" s="145"/>
      <c r="AO47" s="145"/>
      <c r="AP47" s="145"/>
      <c r="AQ47" s="146"/>
      <c r="AR47" s="27"/>
      <c r="AS47" s="27"/>
      <c r="AT47" s="29"/>
      <c r="AU47" s="39"/>
      <c r="AV47" s="39"/>
      <c r="AW47" s="34" t="s">
        <v>38</v>
      </c>
      <c r="AX47" s="34"/>
      <c r="AY47" s="34"/>
      <c r="AZ47" s="34"/>
      <c r="BA47" s="34"/>
      <c r="BB47" s="34"/>
      <c r="BC47" s="34"/>
      <c r="BD47" s="34"/>
      <c r="BE47" s="34"/>
      <c r="BF47" s="34"/>
      <c r="BG47" s="34"/>
      <c r="BH47" s="34"/>
      <c r="BI47" s="34"/>
      <c r="BJ47" s="34" t="s">
        <v>39</v>
      </c>
      <c r="BK47" s="34"/>
      <c r="BL47" s="34"/>
      <c r="BM47" s="34"/>
      <c r="BN47" s="34"/>
      <c r="BO47" s="34"/>
      <c r="BP47" s="34"/>
      <c r="BQ47" s="34"/>
      <c r="BR47" s="34"/>
      <c r="BS47" s="34"/>
      <c r="BT47" s="34"/>
      <c r="BU47" s="34"/>
      <c r="BV47" s="34"/>
      <c r="BW47" s="34" t="s">
        <v>40</v>
      </c>
      <c r="BX47" s="34"/>
      <c r="BZ47" s="34"/>
      <c r="CA47" s="34"/>
      <c r="CB47" s="34"/>
      <c r="CC47" s="34"/>
      <c r="CD47" s="34"/>
      <c r="CE47" s="34"/>
      <c r="CF47" s="34"/>
      <c r="CG47" s="34"/>
      <c r="CH47" s="34"/>
      <c r="CI47" s="34"/>
      <c r="CJ47" s="34"/>
      <c r="CK47" s="34"/>
      <c r="CL47" s="34"/>
      <c r="CM47" s="34"/>
      <c r="CN47" s="93"/>
      <c r="CO47" s="34"/>
      <c r="CP47" s="51"/>
    </row>
    <row r="48" spans="1:101" ht="12" customHeight="1" x14ac:dyDescent="0.2">
      <c r="A48" s="31"/>
      <c r="B48" s="35"/>
      <c r="C48" s="35"/>
      <c r="D48" s="35"/>
      <c r="E48" s="35"/>
      <c r="F48" s="35"/>
      <c r="G48" s="35"/>
      <c r="H48" s="35"/>
      <c r="I48" s="35"/>
      <c r="J48" s="35"/>
      <c r="K48" s="35"/>
      <c r="L48" s="35"/>
      <c r="M48" s="35"/>
      <c r="N48" s="35"/>
      <c r="O48" s="35"/>
      <c r="P48" s="35"/>
      <c r="Q48" s="35"/>
      <c r="R48" s="35"/>
      <c r="S48" s="35"/>
      <c r="T48" s="35"/>
      <c r="U48" s="35"/>
      <c r="V48" s="35"/>
      <c r="W48" s="35"/>
      <c r="X48" s="32"/>
      <c r="Y48" s="27"/>
      <c r="Z48" s="27"/>
      <c r="AA48" s="31"/>
      <c r="AB48" s="406" t="s">
        <v>178</v>
      </c>
      <c r="AC48" s="406"/>
      <c r="AD48" s="406"/>
      <c r="AE48" s="406"/>
      <c r="AF48" s="406"/>
      <c r="AG48" s="406"/>
      <c r="AH48" s="406"/>
      <c r="AI48" s="406"/>
      <c r="AJ48" s="406"/>
      <c r="AK48" s="406"/>
      <c r="AL48" s="406"/>
      <c r="AM48" s="406"/>
      <c r="AN48" s="406"/>
      <c r="AO48" s="406"/>
      <c r="AP48" s="406"/>
      <c r="AQ48" s="68"/>
      <c r="AR48" s="27"/>
      <c r="AS48" s="27"/>
      <c r="AT48" s="33"/>
      <c r="AU48" s="34"/>
      <c r="AV48" s="34"/>
      <c r="AW48" s="34" t="s">
        <v>41</v>
      </c>
      <c r="AX48" s="34"/>
      <c r="AY48" s="34"/>
      <c r="AZ48" s="34"/>
      <c r="BA48" s="34"/>
      <c r="BB48" s="34"/>
      <c r="BC48" s="34"/>
      <c r="BD48" s="34"/>
      <c r="BE48" s="34"/>
      <c r="BF48" s="34"/>
      <c r="BG48" s="34"/>
      <c r="BH48" s="34"/>
      <c r="BI48" s="34"/>
      <c r="BJ48" s="34" t="s">
        <v>42</v>
      </c>
      <c r="BK48" s="34"/>
      <c r="BL48" s="34"/>
      <c r="BM48" s="34"/>
      <c r="BN48" s="34"/>
      <c r="BO48" s="34"/>
      <c r="BP48" s="34"/>
      <c r="BQ48" s="34"/>
      <c r="BR48" s="34"/>
      <c r="BS48" s="34"/>
      <c r="BT48" s="34"/>
      <c r="BU48" s="34"/>
      <c r="BV48" s="34"/>
      <c r="BW48" s="34" t="s">
        <v>43</v>
      </c>
      <c r="BX48" s="34"/>
      <c r="BZ48" s="34"/>
      <c r="CA48" s="34"/>
      <c r="CB48" s="34"/>
      <c r="CC48" s="34"/>
      <c r="CD48" s="34"/>
      <c r="CE48" s="34"/>
      <c r="CF48" s="34"/>
      <c r="CG48" s="34"/>
      <c r="CH48" s="34"/>
      <c r="CI48" s="34"/>
      <c r="CJ48" s="34"/>
      <c r="CK48" s="34"/>
      <c r="CL48" s="34"/>
      <c r="CM48" s="34"/>
      <c r="CN48" s="93"/>
      <c r="CO48" s="34"/>
      <c r="CP48" s="51"/>
    </row>
    <row r="49" spans="1:95" ht="12" customHeight="1" x14ac:dyDescent="0.2">
      <c r="A49" s="31"/>
      <c r="B49" s="64"/>
      <c r="C49" s="64"/>
      <c r="D49" s="64"/>
      <c r="E49" s="64"/>
      <c r="F49" s="64"/>
      <c r="G49" s="64"/>
      <c r="H49" s="64"/>
      <c r="I49" s="64"/>
      <c r="J49" s="64"/>
      <c r="K49" s="64"/>
      <c r="L49" s="64"/>
      <c r="M49" s="64"/>
      <c r="N49" s="64"/>
      <c r="O49" s="64"/>
      <c r="P49" s="64"/>
      <c r="Q49" s="64"/>
      <c r="R49" s="64"/>
      <c r="S49" s="64"/>
      <c r="T49" s="64"/>
      <c r="U49" s="64"/>
      <c r="V49" s="64"/>
      <c r="W49" s="64"/>
      <c r="X49" s="32"/>
      <c r="Y49" s="27"/>
      <c r="Z49" s="27"/>
      <c r="AA49" s="31"/>
      <c r="AB49" s="406"/>
      <c r="AC49" s="406"/>
      <c r="AD49" s="406"/>
      <c r="AE49" s="406"/>
      <c r="AF49" s="406"/>
      <c r="AG49" s="406"/>
      <c r="AH49" s="406"/>
      <c r="AI49" s="406"/>
      <c r="AJ49" s="406"/>
      <c r="AK49" s="406"/>
      <c r="AL49" s="406"/>
      <c r="AM49" s="406"/>
      <c r="AN49" s="406"/>
      <c r="AO49" s="406"/>
      <c r="AP49" s="406"/>
      <c r="AQ49" s="68"/>
      <c r="AR49" s="27"/>
      <c r="AS49" s="27"/>
      <c r="AT49" s="33"/>
      <c r="AU49" s="34"/>
      <c r="AV49" s="34"/>
      <c r="AW49" s="34" t="s">
        <v>44</v>
      </c>
      <c r="AX49" s="34"/>
      <c r="AY49" s="34"/>
      <c r="AZ49" s="34"/>
      <c r="BA49" s="34"/>
      <c r="BB49" s="34"/>
      <c r="BC49" s="34"/>
      <c r="BD49" s="34"/>
      <c r="BE49" s="34"/>
      <c r="BF49" s="34"/>
      <c r="BG49" s="34"/>
      <c r="BH49" s="34"/>
      <c r="BI49" s="34"/>
      <c r="BJ49" s="34" t="s">
        <v>45</v>
      </c>
      <c r="BK49" s="34"/>
      <c r="BL49" s="34"/>
      <c r="BM49" s="34"/>
      <c r="BN49" s="34"/>
      <c r="BO49" s="34"/>
      <c r="BP49" s="34"/>
      <c r="BQ49" s="34"/>
      <c r="BR49" s="34"/>
      <c r="BS49" s="34"/>
      <c r="BT49" s="34"/>
      <c r="BU49" s="34"/>
      <c r="BV49" s="34"/>
      <c r="BW49" s="34" t="s">
        <v>46</v>
      </c>
      <c r="BX49" s="34"/>
      <c r="BZ49" s="34"/>
      <c r="CA49" s="34"/>
      <c r="CB49" s="34"/>
      <c r="CC49" s="34"/>
      <c r="CD49" s="34"/>
      <c r="CE49" s="34"/>
      <c r="CF49" s="34"/>
      <c r="CG49" s="53"/>
      <c r="CH49" s="53"/>
      <c r="CI49" s="53"/>
      <c r="CJ49" s="53"/>
      <c r="CK49" s="53"/>
      <c r="CL49" s="53"/>
      <c r="CM49" s="53"/>
      <c r="CN49" s="94"/>
      <c r="CO49" s="53"/>
      <c r="CP49" s="51"/>
    </row>
    <row r="50" spans="1:95" ht="12" customHeight="1" x14ac:dyDescent="0.2">
      <c r="A50" s="31"/>
      <c r="B50" s="64"/>
      <c r="C50" s="64"/>
      <c r="D50" s="64"/>
      <c r="E50" s="64"/>
      <c r="F50" s="64"/>
      <c r="G50" s="64"/>
      <c r="H50" s="64"/>
      <c r="I50" s="64"/>
      <c r="J50" s="64"/>
      <c r="K50" s="64"/>
      <c r="L50" s="64"/>
      <c r="M50" s="64"/>
      <c r="N50" s="64"/>
      <c r="O50" s="64"/>
      <c r="P50" s="64"/>
      <c r="Q50" s="64"/>
      <c r="R50" s="64"/>
      <c r="S50" s="64"/>
      <c r="T50" s="64"/>
      <c r="U50" s="64"/>
      <c r="V50" s="64"/>
      <c r="W50" s="64"/>
      <c r="X50" s="32"/>
      <c r="Y50" s="27"/>
      <c r="Z50" s="27"/>
      <c r="AA50" s="31"/>
      <c r="AB50" s="406"/>
      <c r="AC50" s="406"/>
      <c r="AD50" s="406"/>
      <c r="AE50" s="406"/>
      <c r="AF50" s="406"/>
      <c r="AG50" s="406"/>
      <c r="AH50" s="406"/>
      <c r="AI50" s="406"/>
      <c r="AJ50" s="406"/>
      <c r="AK50" s="406"/>
      <c r="AL50" s="406"/>
      <c r="AM50" s="406"/>
      <c r="AN50" s="406"/>
      <c r="AO50" s="406"/>
      <c r="AP50" s="406"/>
      <c r="AQ50" s="68"/>
      <c r="AR50" s="27"/>
      <c r="AS50" s="27"/>
      <c r="AT50" s="33"/>
      <c r="AU50" s="34"/>
      <c r="AV50" s="34"/>
      <c r="AW50" s="34" t="s">
        <v>47</v>
      </c>
      <c r="AX50" s="34"/>
      <c r="AY50" s="34"/>
      <c r="AZ50" s="34"/>
      <c r="BA50" s="34"/>
      <c r="BB50" s="34"/>
      <c r="BC50" s="34"/>
      <c r="BD50" s="34"/>
      <c r="BE50" s="34"/>
      <c r="BF50" s="34"/>
      <c r="BG50" s="34"/>
      <c r="BH50" s="34"/>
      <c r="BI50" s="34"/>
      <c r="BJ50" s="34" t="s">
        <v>48</v>
      </c>
      <c r="BK50" s="34"/>
      <c r="BL50" s="34"/>
      <c r="BM50" s="34"/>
      <c r="BN50" s="34"/>
      <c r="BO50" s="34"/>
      <c r="BP50" s="34"/>
      <c r="BQ50" s="34"/>
      <c r="BR50" s="34"/>
      <c r="BS50" s="34"/>
      <c r="BT50" s="34"/>
      <c r="BU50" s="34"/>
      <c r="BV50" s="34"/>
      <c r="BW50" s="34" t="s">
        <v>118</v>
      </c>
      <c r="BX50" s="34"/>
      <c r="BY50" s="520"/>
      <c r="BZ50" s="520"/>
      <c r="CA50" s="520"/>
      <c r="CB50" s="520"/>
      <c r="CC50" s="520"/>
      <c r="CD50" s="520"/>
      <c r="CE50" s="520"/>
      <c r="CF50" s="520"/>
      <c r="CG50" s="520"/>
      <c r="CH50" s="520"/>
      <c r="CI50" s="520"/>
      <c r="CJ50" s="520"/>
      <c r="CK50" s="520"/>
      <c r="CL50" s="520"/>
      <c r="CM50" s="520"/>
      <c r="CN50" s="94" t="s">
        <v>119</v>
      </c>
      <c r="CO50" s="53"/>
      <c r="CP50" s="51"/>
      <c r="CQ50" s="98"/>
    </row>
    <row r="51" spans="1:95" ht="5.25" customHeight="1" thickBot="1" x14ac:dyDescent="0.25">
      <c r="A51" s="69"/>
      <c r="B51" s="70"/>
      <c r="C51" s="70"/>
      <c r="D51" s="71"/>
      <c r="E51" s="71"/>
      <c r="F51" s="71"/>
      <c r="G51" s="71"/>
      <c r="H51" s="71"/>
      <c r="I51" s="71"/>
      <c r="J51" s="71"/>
      <c r="K51" s="71"/>
      <c r="L51" s="71"/>
      <c r="M51" s="71"/>
      <c r="N51" s="71"/>
      <c r="O51" s="71"/>
      <c r="P51" s="71"/>
      <c r="Q51" s="71"/>
      <c r="R51" s="71"/>
      <c r="S51" s="71"/>
      <c r="T51" s="71"/>
      <c r="U51" s="71"/>
      <c r="V51" s="71"/>
      <c r="W51" s="71"/>
      <c r="X51" s="72"/>
      <c r="Y51" s="27"/>
      <c r="Z51" s="27"/>
      <c r="AA51" s="69"/>
      <c r="AB51" s="71"/>
      <c r="AC51" s="71"/>
      <c r="AD51" s="71"/>
      <c r="AE51" s="71"/>
      <c r="AF51" s="71"/>
      <c r="AG51" s="71"/>
      <c r="AH51" s="71"/>
      <c r="AI51" s="71"/>
      <c r="AJ51" s="71"/>
      <c r="AK51" s="71"/>
      <c r="AL51" s="71"/>
      <c r="AM51" s="71"/>
      <c r="AN51" s="71"/>
      <c r="AO51" s="71"/>
      <c r="AP51" s="71"/>
      <c r="AQ51" s="72"/>
      <c r="AR51" s="27"/>
      <c r="AS51" s="27"/>
      <c r="AT51" s="96"/>
      <c r="AU51" s="97"/>
      <c r="AV51" s="97"/>
      <c r="AW51" s="71"/>
      <c r="AX51" s="71"/>
      <c r="AY51" s="71"/>
      <c r="AZ51" s="71"/>
      <c r="BA51" s="71"/>
      <c r="BB51" s="71"/>
      <c r="BC51" s="71"/>
      <c r="BD51" s="71"/>
      <c r="BE51" s="71"/>
      <c r="BF51" s="71"/>
      <c r="BG51" s="71"/>
      <c r="BH51" s="71"/>
      <c r="BI51" s="71"/>
      <c r="BJ51" s="71"/>
      <c r="BK51" s="71"/>
      <c r="BL51" s="71"/>
      <c r="BM51" s="71"/>
      <c r="BN51" s="71"/>
      <c r="BO51" s="71"/>
      <c r="BP51" s="71"/>
      <c r="BQ51" s="71"/>
      <c r="BR51" s="71"/>
      <c r="BS51" s="71"/>
      <c r="BT51" s="71"/>
      <c r="BU51" s="71"/>
      <c r="BV51" s="71"/>
      <c r="BW51" s="71"/>
      <c r="BX51" s="71"/>
      <c r="BY51" s="71"/>
      <c r="BZ51" s="71"/>
      <c r="CA51" s="71"/>
      <c r="CB51" s="71"/>
      <c r="CC51" s="71"/>
      <c r="CD51" s="71"/>
      <c r="CE51" s="71"/>
      <c r="CF51" s="71"/>
      <c r="CG51" s="71"/>
      <c r="CH51" s="71"/>
      <c r="CI51" s="71"/>
      <c r="CJ51" s="71"/>
      <c r="CK51" s="71"/>
      <c r="CL51" s="71"/>
      <c r="CM51" s="71"/>
      <c r="CN51" s="72"/>
      <c r="CO51" s="35"/>
      <c r="CP51" s="100"/>
      <c r="CQ51" s="98"/>
    </row>
    <row r="52" spans="1:95" ht="12" customHeight="1" x14ac:dyDescent="0.2">
      <c r="A52" s="409" t="s">
        <v>49</v>
      </c>
      <c r="B52" s="73"/>
      <c r="C52" s="412" t="s">
        <v>120</v>
      </c>
      <c r="D52" s="413"/>
      <c r="E52" s="413"/>
      <c r="F52" s="413"/>
      <c r="G52" s="413"/>
      <c r="H52" s="413"/>
      <c r="I52" s="413"/>
      <c r="J52" s="413"/>
      <c r="K52" s="414"/>
      <c r="L52" s="419" t="s">
        <v>15</v>
      </c>
      <c r="M52" s="420"/>
      <c r="N52" s="420"/>
      <c r="O52" s="421"/>
      <c r="P52" s="412" t="s">
        <v>51</v>
      </c>
      <c r="Q52" s="428"/>
      <c r="R52" s="428"/>
      <c r="S52" s="428"/>
      <c r="T52" s="428"/>
      <c r="U52" s="428"/>
      <c r="V52" s="428"/>
      <c r="W52" s="117"/>
      <c r="X52" s="118"/>
      <c r="Y52" s="74"/>
      <c r="Z52" s="74"/>
      <c r="AA52" s="433" t="s">
        <v>52</v>
      </c>
      <c r="AB52" s="434"/>
      <c r="AC52" s="434"/>
      <c r="AD52" s="434"/>
      <c r="AE52" s="434"/>
      <c r="AF52" s="435"/>
      <c r="AG52" s="473" t="s">
        <v>187</v>
      </c>
      <c r="AH52" s="451"/>
      <c r="AI52" s="412" t="s">
        <v>189</v>
      </c>
      <c r="AJ52" s="428"/>
      <c r="AK52" s="428"/>
      <c r="AL52" s="428"/>
      <c r="AM52" s="428"/>
      <c r="AN52" s="428"/>
      <c r="AO52" s="428"/>
      <c r="AP52" s="117"/>
      <c r="AQ52" s="118"/>
      <c r="AR52" s="74"/>
      <c r="AS52" s="74"/>
      <c r="AT52" s="470" t="s">
        <v>197</v>
      </c>
      <c r="AU52" s="450"/>
      <c r="AV52" s="451"/>
      <c r="AW52" s="473" t="s">
        <v>198</v>
      </c>
      <c r="AX52" s="450"/>
      <c r="AY52" s="450"/>
      <c r="AZ52" s="450"/>
      <c r="BA52" s="450"/>
      <c r="BB52" s="450"/>
      <c r="BC52" s="450"/>
      <c r="BD52" s="450"/>
      <c r="BE52" s="450"/>
      <c r="BF52" s="450"/>
      <c r="BG52" s="450"/>
      <c r="BH52" s="450"/>
      <c r="BI52" s="450"/>
      <c r="BJ52" s="450"/>
      <c r="BK52" s="451"/>
      <c r="BL52" s="473" t="s">
        <v>199</v>
      </c>
      <c r="BM52" s="428"/>
      <c r="BN52" s="476"/>
      <c r="BO52" s="477" t="s">
        <v>200</v>
      </c>
      <c r="BP52" s="434"/>
      <c r="BQ52" s="434"/>
      <c r="BR52" s="434"/>
      <c r="BS52" s="434"/>
      <c r="BT52" s="435"/>
      <c r="BU52" s="473" t="s">
        <v>201</v>
      </c>
      <c r="BV52" s="451"/>
      <c r="BW52" s="412" t="s">
        <v>206</v>
      </c>
      <c r="BX52" s="428"/>
      <c r="BY52" s="428"/>
      <c r="BZ52" s="428"/>
      <c r="CA52" s="428"/>
      <c r="CB52" s="428"/>
      <c r="CC52" s="428"/>
      <c r="CD52" s="117"/>
      <c r="CE52" s="119"/>
      <c r="CF52" s="450" t="s">
        <v>207</v>
      </c>
      <c r="CG52" s="450"/>
      <c r="CH52" s="451"/>
      <c r="CI52" s="521" t="s">
        <v>208</v>
      </c>
      <c r="CJ52" s="522"/>
      <c r="CK52" s="523"/>
      <c r="CL52" s="530" t="s">
        <v>209</v>
      </c>
      <c r="CM52" s="530"/>
      <c r="CN52" s="531"/>
      <c r="CO52" s="102"/>
    </row>
    <row r="53" spans="1:95" ht="12" customHeight="1" x14ac:dyDescent="0.2">
      <c r="A53" s="410"/>
      <c r="B53" s="75" t="s">
        <v>121</v>
      </c>
      <c r="C53" s="340"/>
      <c r="D53" s="415"/>
      <c r="E53" s="415"/>
      <c r="F53" s="415"/>
      <c r="G53" s="415"/>
      <c r="H53" s="415"/>
      <c r="I53" s="415"/>
      <c r="J53" s="415"/>
      <c r="K53" s="330"/>
      <c r="L53" s="422"/>
      <c r="M53" s="423"/>
      <c r="N53" s="423"/>
      <c r="O53" s="424"/>
      <c r="P53" s="429"/>
      <c r="Q53" s="430"/>
      <c r="R53" s="430"/>
      <c r="S53" s="430"/>
      <c r="T53" s="430"/>
      <c r="U53" s="430"/>
      <c r="V53" s="430"/>
      <c r="W53" s="456" t="s">
        <v>54</v>
      </c>
      <c r="X53" s="460"/>
      <c r="Y53" s="19"/>
      <c r="Z53" s="19"/>
      <c r="AA53" s="462" t="s">
        <v>55</v>
      </c>
      <c r="AB53" s="463"/>
      <c r="AC53" s="465" t="s">
        <v>56</v>
      </c>
      <c r="AD53" s="466"/>
      <c r="AE53" s="468" t="s">
        <v>57</v>
      </c>
      <c r="AF53" s="469"/>
      <c r="AG53" s="474"/>
      <c r="AH53" s="453"/>
      <c r="AI53" s="429"/>
      <c r="AJ53" s="430"/>
      <c r="AK53" s="430"/>
      <c r="AL53" s="430"/>
      <c r="AM53" s="430"/>
      <c r="AN53" s="430"/>
      <c r="AO53" s="430"/>
      <c r="AP53" s="456" t="s">
        <v>54</v>
      </c>
      <c r="AQ53" s="460"/>
      <c r="AR53" s="19"/>
      <c r="AS53" s="19"/>
      <c r="AT53" s="471"/>
      <c r="AU53" s="452"/>
      <c r="AV53" s="453"/>
      <c r="AW53" s="474"/>
      <c r="AX53" s="452"/>
      <c r="AY53" s="452"/>
      <c r="AZ53" s="452"/>
      <c r="BA53" s="452"/>
      <c r="BB53" s="452"/>
      <c r="BC53" s="452"/>
      <c r="BD53" s="452"/>
      <c r="BE53" s="452"/>
      <c r="BF53" s="452"/>
      <c r="BG53" s="452"/>
      <c r="BH53" s="452"/>
      <c r="BI53" s="452"/>
      <c r="BJ53" s="452"/>
      <c r="BK53" s="453"/>
      <c r="BL53" s="429"/>
      <c r="BM53" s="430"/>
      <c r="BN53" s="457"/>
      <c r="BO53" s="468" t="s">
        <v>55</v>
      </c>
      <c r="BP53" s="463"/>
      <c r="BQ53" s="465" t="s">
        <v>56</v>
      </c>
      <c r="BR53" s="466"/>
      <c r="BS53" s="468" t="s">
        <v>57</v>
      </c>
      <c r="BT53" s="469"/>
      <c r="BU53" s="474"/>
      <c r="BV53" s="453"/>
      <c r="BW53" s="429"/>
      <c r="BX53" s="430"/>
      <c r="BY53" s="430"/>
      <c r="BZ53" s="430"/>
      <c r="CA53" s="430"/>
      <c r="CB53" s="430"/>
      <c r="CC53" s="430"/>
      <c r="CD53" s="456" t="s">
        <v>54</v>
      </c>
      <c r="CE53" s="457"/>
      <c r="CF53" s="452"/>
      <c r="CG53" s="452"/>
      <c r="CH53" s="453"/>
      <c r="CI53" s="524"/>
      <c r="CJ53" s="525"/>
      <c r="CK53" s="526"/>
      <c r="CL53" s="532"/>
      <c r="CM53" s="532"/>
      <c r="CN53" s="533"/>
      <c r="CO53" s="102"/>
    </row>
    <row r="54" spans="1:95" ht="12" customHeight="1" x14ac:dyDescent="0.2">
      <c r="A54" s="410"/>
      <c r="B54" s="76"/>
      <c r="C54" s="416"/>
      <c r="D54" s="417"/>
      <c r="E54" s="417"/>
      <c r="F54" s="417"/>
      <c r="G54" s="417"/>
      <c r="H54" s="417"/>
      <c r="I54" s="417"/>
      <c r="J54" s="417"/>
      <c r="K54" s="418"/>
      <c r="L54" s="425"/>
      <c r="M54" s="426"/>
      <c r="N54" s="426"/>
      <c r="O54" s="427"/>
      <c r="P54" s="431"/>
      <c r="Q54" s="432"/>
      <c r="R54" s="432"/>
      <c r="S54" s="432"/>
      <c r="T54" s="432"/>
      <c r="U54" s="432"/>
      <c r="V54" s="432"/>
      <c r="W54" s="458"/>
      <c r="X54" s="461"/>
      <c r="Y54" s="19"/>
      <c r="Z54" s="19"/>
      <c r="AA54" s="464"/>
      <c r="AB54" s="432"/>
      <c r="AC54" s="458"/>
      <c r="AD54" s="467"/>
      <c r="AE54" s="432"/>
      <c r="AF54" s="459"/>
      <c r="AG54" s="475"/>
      <c r="AH54" s="455"/>
      <c r="AI54" s="431"/>
      <c r="AJ54" s="432"/>
      <c r="AK54" s="432"/>
      <c r="AL54" s="432"/>
      <c r="AM54" s="432"/>
      <c r="AN54" s="432"/>
      <c r="AO54" s="432"/>
      <c r="AP54" s="458"/>
      <c r="AQ54" s="461"/>
      <c r="AR54" s="19"/>
      <c r="AS54" s="19"/>
      <c r="AT54" s="472"/>
      <c r="AU54" s="454"/>
      <c r="AV54" s="455"/>
      <c r="AW54" s="475"/>
      <c r="AX54" s="454"/>
      <c r="AY54" s="454"/>
      <c r="AZ54" s="454"/>
      <c r="BA54" s="454"/>
      <c r="BB54" s="454"/>
      <c r="BC54" s="454"/>
      <c r="BD54" s="454"/>
      <c r="BE54" s="454"/>
      <c r="BF54" s="454"/>
      <c r="BG54" s="454"/>
      <c r="BH54" s="454"/>
      <c r="BI54" s="454"/>
      <c r="BJ54" s="454"/>
      <c r="BK54" s="455"/>
      <c r="BL54" s="431"/>
      <c r="BM54" s="432"/>
      <c r="BN54" s="459"/>
      <c r="BO54" s="432"/>
      <c r="BP54" s="432"/>
      <c r="BQ54" s="458"/>
      <c r="BR54" s="467"/>
      <c r="BS54" s="432"/>
      <c r="BT54" s="459"/>
      <c r="BU54" s="475"/>
      <c r="BV54" s="455"/>
      <c r="BW54" s="431"/>
      <c r="BX54" s="432"/>
      <c r="BY54" s="432"/>
      <c r="BZ54" s="432"/>
      <c r="CA54" s="432"/>
      <c r="CB54" s="432"/>
      <c r="CC54" s="432"/>
      <c r="CD54" s="458"/>
      <c r="CE54" s="459"/>
      <c r="CF54" s="454"/>
      <c r="CG54" s="454"/>
      <c r="CH54" s="455"/>
      <c r="CI54" s="527"/>
      <c r="CJ54" s="528"/>
      <c r="CK54" s="529"/>
      <c r="CL54" s="534"/>
      <c r="CM54" s="534"/>
      <c r="CN54" s="535"/>
      <c r="CO54" s="102"/>
    </row>
    <row r="55" spans="1:95" ht="12" customHeight="1" x14ac:dyDescent="0.2">
      <c r="A55" s="410"/>
      <c r="B55" s="234">
        <v>1</v>
      </c>
      <c r="C55" s="436"/>
      <c r="D55" s="292"/>
      <c r="E55" s="292"/>
      <c r="F55" s="292"/>
      <c r="G55" s="292"/>
      <c r="H55" s="292"/>
      <c r="I55" s="292"/>
      <c r="J55" s="292"/>
      <c r="K55" s="352"/>
      <c r="L55" s="440"/>
      <c r="M55" s="441"/>
      <c r="N55" s="441"/>
      <c r="O55" s="442"/>
      <c r="P55" s="436"/>
      <c r="Q55" s="292"/>
      <c r="R55" s="292"/>
      <c r="S55" s="292"/>
      <c r="T55" s="292"/>
      <c r="U55" s="292"/>
      <c r="V55" s="446"/>
      <c r="W55" s="437" t="s">
        <v>122</v>
      </c>
      <c r="X55" s="438"/>
      <c r="Y55" s="439" t="s">
        <v>123</v>
      </c>
      <c r="Z55" s="439"/>
      <c r="AA55" s="478"/>
      <c r="AB55" s="446"/>
      <c r="AC55" s="480"/>
      <c r="AD55" s="481"/>
      <c r="AE55" s="480"/>
      <c r="AF55" s="484"/>
      <c r="AG55" s="480"/>
      <c r="AH55" s="484"/>
      <c r="AI55" s="436"/>
      <c r="AJ55" s="292"/>
      <c r="AK55" s="292"/>
      <c r="AL55" s="292"/>
      <c r="AM55" s="292"/>
      <c r="AN55" s="292"/>
      <c r="AO55" s="446"/>
      <c r="AP55" s="437" t="s">
        <v>122</v>
      </c>
      <c r="AQ55" s="438"/>
      <c r="AR55" s="439" t="s">
        <v>123</v>
      </c>
      <c r="AS55" s="439"/>
      <c r="AT55" s="478"/>
      <c r="AU55" s="292"/>
      <c r="AV55" s="352"/>
      <c r="AW55" s="436"/>
      <c r="AX55" s="292"/>
      <c r="AY55" s="292"/>
      <c r="AZ55" s="292"/>
      <c r="BA55" s="292"/>
      <c r="BB55" s="292"/>
      <c r="BC55" s="292"/>
      <c r="BD55" s="292"/>
      <c r="BE55" s="292"/>
      <c r="BF55" s="292"/>
      <c r="BG55" s="292"/>
      <c r="BH55" s="292"/>
      <c r="BI55" s="292"/>
      <c r="BJ55" s="292"/>
      <c r="BK55" s="352"/>
      <c r="BL55" s="486"/>
      <c r="BM55" s="486"/>
      <c r="BN55" s="486"/>
      <c r="BO55" s="436"/>
      <c r="BP55" s="446"/>
      <c r="BQ55" s="480"/>
      <c r="BR55" s="481"/>
      <c r="BS55" s="480"/>
      <c r="BT55" s="484"/>
      <c r="BU55" s="480"/>
      <c r="BV55" s="484"/>
      <c r="BW55" s="436"/>
      <c r="BX55" s="292"/>
      <c r="BY55" s="292"/>
      <c r="BZ55" s="292"/>
      <c r="CA55" s="292"/>
      <c r="CB55" s="292"/>
      <c r="CC55" s="446"/>
      <c r="CD55" s="437" t="s">
        <v>122</v>
      </c>
      <c r="CE55" s="234"/>
      <c r="CF55" s="233" t="s">
        <v>155</v>
      </c>
      <c r="CG55" s="233"/>
      <c r="CH55" s="234"/>
      <c r="CI55" s="486"/>
      <c r="CJ55" s="486"/>
      <c r="CK55" s="486"/>
      <c r="CL55" s="487"/>
      <c r="CM55" s="488"/>
      <c r="CN55" s="489"/>
    </row>
    <row r="56" spans="1:95" ht="12" customHeight="1" x14ac:dyDescent="0.2">
      <c r="A56" s="410"/>
      <c r="B56" s="206"/>
      <c r="C56" s="296"/>
      <c r="D56" s="297"/>
      <c r="E56" s="297"/>
      <c r="F56" s="297"/>
      <c r="G56" s="297"/>
      <c r="H56" s="297"/>
      <c r="I56" s="297"/>
      <c r="J56" s="297"/>
      <c r="K56" s="353"/>
      <c r="L56" s="443"/>
      <c r="M56" s="444"/>
      <c r="N56" s="444"/>
      <c r="O56" s="445"/>
      <c r="P56" s="296"/>
      <c r="Q56" s="297"/>
      <c r="R56" s="297"/>
      <c r="S56" s="297"/>
      <c r="T56" s="297"/>
      <c r="U56" s="297"/>
      <c r="V56" s="447"/>
      <c r="W56" s="448" t="s">
        <v>124</v>
      </c>
      <c r="X56" s="449"/>
      <c r="Y56" s="439"/>
      <c r="Z56" s="439"/>
      <c r="AA56" s="479"/>
      <c r="AB56" s="447"/>
      <c r="AC56" s="482"/>
      <c r="AD56" s="483"/>
      <c r="AE56" s="482"/>
      <c r="AF56" s="485"/>
      <c r="AG56" s="482"/>
      <c r="AH56" s="485"/>
      <c r="AI56" s="296"/>
      <c r="AJ56" s="297"/>
      <c r="AK56" s="297"/>
      <c r="AL56" s="297"/>
      <c r="AM56" s="297"/>
      <c r="AN56" s="297"/>
      <c r="AO56" s="447"/>
      <c r="AP56" s="448" t="s">
        <v>124</v>
      </c>
      <c r="AQ56" s="449"/>
      <c r="AR56" s="439"/>
      <c r="AS56" s="439"/>
      <c r="AT56" s="479"/>
      <c r="AU56" s="297"/>
      <c r="AV56" s="353"/>
      <c r="AW56" s="296"/>
      <c r="AX56" s="297"/>
      <c r="AY56" s="297"/>
      <c r="AZ56" s="297"/>
      <c r="BA56" s="297"/>
      <c r="BB56" s="297"/>
      <c r="BC56" s="297"/>
      <c r="BD56" s="297"/>
      <c r="BE56" s="297"/>
      <c r="BF56" s="297"/>
      <c r="BG56" s="297"/>
      <c r="BH56" s="297"/>
      <c r="BI56" s="297"/>
      <c r="BJ56" s="297"/>
      <c r="BK56" s="353"/>
      <c r="BL56" s="486"/>
      <c r="BM56" s="486"/>
      <c r="BN56" s="486"/>
      <c r="BO56" s="296"/>
      <c r="BP56" s="447"/>
      <c r="BQ56" s="482"/>
      <c r="BR56" s="483"/>
      <c r="BS56" s="482"/>
      <c r="BT56" s="485"/>
      <c r="BU56" s="482"/>
      <c r="BV56" s="485"/>
      <c r="BW56" s="296"/>
      <c r="BX56" s="297"/>
      <c r="BY56" s="297"/>
      <c r="BZ56" s="297"/>
      <c r="CA56" s="297"/>
      <c r="CB56" s="297"/>
      <c r="CC56" s="447"/>
      <c r="CD56" s="448" t="s">
        <v>124</v>
      </c>
      <c r="CE56" s="206"/>
      <c r="CF56" s="205"/>
      <c r="CG56" s="205"/>
      <c r="CH56" s="206"/>
      <c r="CI56" s="486"/>
      <c r="CJ56" s="486"/>
      <c r="CK56" s="486"/>
      <c r="CL56" s="490"/>
      <c r="CM56" s="491"/>
      <c r="CN56" s="492"/>
    </row>
    <row r="57" spans="1:95" ht="12" customHeight="1" x14ac:dyDescent="0.2">
      <c r="A57" s="410"/>
      <c r="B57" s="234">
        <f>B55+1</f>
        <v>2</v>
      </c>
      <c r="C57" s="436"/>
      <c r="D57" s="292"/>
      <c r="E57" s="292"/>
      <c r="F57" s="292"/>
      <c r="G57" s="292"/>
      <c r="H57" s="292"/>
      <c r="I57" s="292"/>
      <c r="J57" s="292"/>
      <c r="K57" s="352"/>
      <c r="L57" s="440"/>
      <c r="M57" s="441"/>
      <c r="N57" s="441"/>
      <c r="O57" s="442"/>
      <c r="P57" s="436"/>
      <c r="Q57" s="292"/>
      <c r="R57" s="292"/>
      <c r="S57" s="292"/>
      <c r="T57" s="292"/>
      <c r="U57" s="292"/>
      <c r="V57" s="446"/>
      <c r="W57" s="437" t="s">
        <v>125</v>
      </c>
      <c r="X57" s="438"/>
      <c r="Y57" s="439" t="s">
        <v>126</v>
      </c>
      <c r="Z57" s="439"/>
      <c r="AA57" s="478"/>
      <c r="AB57" s="446"/>
      <c r="AC57" s="480"/>
      <c r="AD57" s="481"/>
      <c r="AE57" s="480"/>
      <c r="AF57" s="484"/>
      <c r="AG57" s="480"/>
      <c r="AH57" s="484"/>
      <c r="AI57" s="436"/>
      <c r="AJ57" s="292"/>
      <c r="AK57" s="292"/>
      <c r="AL57" s="292"/>
      <c r="AM57" s="292"/>
      <c r="AN57" s="292"/>
      <c r="AO57" s="446"/>
      <c r="AP57" s="437" t="s">
        <v>125</v>
      </c>
      <c r="AQ57" s="438"/>
      <c r="AR57" s="439" t="s">
        <v>126</v>
      </c>
      <c r="AS57" s="439"/>
      <c r="AT57" s="493"/>
      <c r="AU57" s="488"/>
      <c r="AV57" s="484"/>
      <c r="AW57" s="487"/>
      <c r="AX57" s="488"/>
      <c r="AY57" s="488"/>
      <c r="AZ57" s="488"/>
      <c r="BA57" s="488"/>
      <c r="BB57" s="488"/>
      <c r="BC57" s="488"/>
      <c r="BD57" s="488"/>
      <c r="BE57" s="488"/>
      <c r="BF57" s="488"/>
      <c r="BG57" s="488"/>
      <c r="BH57" s="488"/>
      <c r="BI57" s="488"/>
      <c r="BJ57" s="488"/>
      <c r="BK57" s="484"/>
      <c r="BL57" s="487"/>
      <c r="BM57" s="488"/>
      <c r="BN57" s="484"/>
      <c r="BO57" s="487"/>
      <c r="BP57" s="481"/>
      <c r="BQ57" s="480"/>
      <c r="BR57" s="481"/>
      <c r="BS57" s="480"/>
      <c r="BT57" s="484"/>
      <c r="BU57" s="480"/>
      <c r="BV57" s="484"/>
      <c r="BW57" s="487"/>
      <c r="BX57" s="488"/>
      <c r="BY57" s="488"/>
      <c r="BZ57" s="488"/>
      <c r="CA57" s="488"/>
      <c r="CB57" s="488"/>
      <c r="CC57" s="481"/>
      <c r="CD57" s="437" t="s">
        <v>125</v>
      </c>
      <c r="CE57" s="234"/>
      <c r="CF57" s="233" t="s">
        <v>154</v>
      </c>
      <c r="CG57" s="233"/>
      <c r="CH57" s="234"/>
      <c r="CI57" s="436"/>
      <c r="CJ57" s="292"/>
      <c r="CK57" s="352"/>
      <c r="CL57" s="487"/>
      <c r="CM57" s="488"/>
      <c r="CN57" s="489"/>
    </row>
    <row r="58" spans="1:95" ht="12" customHeight="1" x14ac:dyDescent="0.2">
      <c r="A58" s="410"/>
      <c r="B58" s="206"/>
      <c r="C58" s="296"/>
      <c r="D58" s="297"/>
      <c r="E58" s="297"/>
      <c r="F58" s="297"/>
      <c r="G58" s="297"/>
      <c r="H58" s="297"/>
      <c r="I58" s="297"/>
      <c r="J58" s="297"/>
      <c r="K58" s="353"/>
      <c r="L58" s="443"/>
      <c r="M58" s="444"/>
      <c r="N58" s="444"/>
      <c r="O58" s="445"/>
      <c r="P58" s="296"/>
      <c r="Q58" s="297"/>
      <c r="R58" s="297"/>
      <c r="S58" s="297"/>
      <c r="T58" s="297"/>
      <c r="U58" s="297"/>
      <c r="V58" s="447"/>
      <c r="W58" s="448" t="s">
        <v>127</v>
      </c>
      <c r="X58" s="449"/>
      <c r="Y58" s="439"/>
      <c r="Z58" s="439"/>
      <c r="AA58" s="479"/>
      <c r="AB58" s="447"/>
      <c r="AC58" s="482"/>
      <c r="AD58" s="483"/>
      <c r="AE58" s="482"/>
      <c r="AF58" s="485"/>
      <c r="AG58" s="482"/>
      <c r="AH58" s="485"/>
      <c r="AI58" s="296"/>
      <c r="AJ58" s="297"/>
      <c r="AK58" s="297"/>
      <c r="AL58" s="297"/>
      <c r="AM58" s="297"/>
      <c r="AN58" s="297"/>
      <c r="AO58" s="447"/>
      <c r="AP58" s="448" t="s">
        <v>127</v>
      </c>
      <c r="AQ58" s="449"/>
      <c r="AR58" s="439"/>
      <c r="AS58" s="439"/>
      <c r="AT58" s="494"/>
      <c r="AU58" s="491"/>
      <c r="AV58" s="485"/>
      <c r="AW58" s="490"/>
      <c r="AX58" s="491"/>
      <c r="AY58" s="491"/>
      <c r="AZ58" s="491"/>
      <c r="BA58" s="491"/>
      <c r="BB58" s="491"/>
      <c r="BC58" s="491"/>
      <c r="BD58" s="491"/>
      <c r="BE58" s="491"/>
      <c r="BF58" s="491"/>
      <c r="BG58" s="491"/>
      <c r="BH58" s="491"/>
      <c r="BI58" s="491"/>
      <c r="BJ58" s="491"/>
      <c r="BK58" s="485"/>
      <c r="BL58" s="490"/>
      <c r="BM58" s="491"/>
      <c r="BN58" s="485"/>
      <c r="BO58" s="490"/>
      <c r="BP58" s="483"/>
      <c r="BQ58" s="482"/>
      <c r="BR58" s="483"/>
      <c r="BS58" s="482"/>
      <c r="BT58" s="485"/>
      <c r="BU58" s="482"/>
      <c r="BV58" s="485"/>
      <c r="BW58" s="490"/>
      <c r="BX58" s="491"/>
      <c r="BY58" s="491"/>
      <c r="BZ58" s="491"/>
      <c r="CA58" s="491"/>
      <c r="CB58" s="491"/>
      <c r="CC58" s="483"/>
      <c r="CD58" s="448" t="s">
        <v>127</v>
      </c>
      <c r="CE58" s="206"/>
      <c r="CF58" s="205"/>
      <c r="CG58" s="205"/>
      <c r="CH58" s="206"/>
      <c r="CI58" s="296"/>
      <c r="CJ58" s="297"/>
      <c r="CK58" s="353"/>
      <c r="CL58" s="490"/>
      <c r="CM58" s="491"/>
      <c r="CN58" s="492"/>
    </row>
    <row r="59" spans="1:95" ht="12" customHeight="1" x14ac:dyDescent="0.2">
      <c r="A59" s="410"/>
      <c r="B59" s="234">
        <f>B57+1</f>
        <v>3</v>
      </c>
      <c r="C59" s="436"/>
      <c r="D59" s="292"/>
      <c r="E59" s="292"/>
      <c r="F59" s="292"/>
      <c r="G59" s="292"/>
      <c r="H59" s="292"/>
      <c r="I59" s="292"/>
      <c r="J59" s="292"/>
      <c r="K59" s="352"/>
      <c r="L59" s="440"/>
      <c r="M59" s="441"/>
      <c r="N59" s="441"/>
      <c r="O59" s="442"/>
      <c r="P59" s="436"/>
      <c r="Q59" s="292"/>
      <c r="R59" s="292"/>
      <c r="S59" s="292"/>
      <c r="T59" s="292"/>
      <c r="U59" s="292"/>
      <c r="V59" s="446"/>
      <c r="W59" s="437" t="s">
        <v>125</v>
      </c>
      <c r="X59" s="438"/>
      <c r="Y59" s="439" t="s">
        <v>126</v>
      </c>
      <c r="Z59" s="439"/>
      <c r="AA59" s="478"/>
      <c r="AB59" s="446"/>
      <c r="AC59" s="495"/>
      <c r="AD59" s="446"/>
      <c r="AE59" s="480"/>
      <c r="AF59" s="484"/>
      <c r="AG59" s="480"/>
      <c r="AH59" s="484"/>
      <c r="AI59" s="436"/>
      <c r="AJ59" s="292"/>
      <c r="AK59" s="292"/>
      <c r="AL59" s="292"/>
      <c r="AM59" s="292"/>
      <c r="AN59" s="292"/>
      <c r="AO59" s="446"/>
      <c r="AP59" s="437" t="s">
        <v>125</v>
      </c>
      <c r="AQ59" s="438"/>
      <c r="AR59" s="439" t="s">
        <v>126</v>
      </c>
      <c r="AS59" s="439"/>
      <c r="AT59" s="493"/>
      <c r="AU59" s="488"/>
      <c r="AV59" s="484"/>
      <c r="AW59" s="487"/>
      <c r="AX59" s="488"/>
      <c r="AY59" s="488"/>
      <c r="AZ59" s="488"/>
      <c r="BA59" s="488"/>
      <c r="BB59" s="488"/>
      <c r="BC59" s="488"/>
      <c r="BD59" s="488"/>
      <c r="BE59" s="488"/>
      <c r="BF59" s="488"/>
      <c r="BG59" s="488"/>
      <c r="BH59" s="488"/>
      <c r="BI59" s="488"/>
      <c r="BJ59" s="488"/>
      <c r="BK59" s="484"/>
      <c r="BL59" s="487"/>
      <c r="BM59" s="488"/>
      <c r="BN59" s="484"/>
      <c r="BO59" s="487"/>
      <c r="BP59" s="481"/>
      <c r="BQ59" s="480"/>
      <c r="BR59" s="481"/>
      <c r="BS59" s="480"/>
      <c r="BT59" s="484"/>
      <c r="BU59" s="480"/>
      <c r="BV59" s="484"/>
      <c r="BW59" s="487"/>
      <c r="BX59" s="488"/>
      <c r="BY59" s="488"/>
      <c r="BZ59" s="488"/>
      <c r="CA59" s="488"/>
      <c r="CB59" s="488"/>
      <c r="CC59" s="481"/>
      <c r="CD59" s="437" t="s">
        <v>125</v>
      </c>
      <c r="CE59" s="234"/>
      <c r="CF59" s="233" t="s">
        <v>154</v>
      </c>
      <c r="CG59" s="233"/>
      <c r="CH59" s="234"/>
      <c r="CI59" s="436"/>
      <c r="CJ59" s="292"/>
      <c r="CK59" s="352"/>
      <c r="CL59" s="487"/>
      <c r="CM59" s="488"/>
      <c r="CN59" s="489"/>
    </row>
    <row r="60" spans="1:95" ht="12" customHeight="1" x14ac:dyDescent="0.2">
      <c r="A60" s="410"/>
      <c r="B60" s="206"/>
      <c r="C60" s="296"/>
      <c r="D60" s="297"/>
      <c r="E60" s="297"/>
      <c r="F60" s="297"/>
      <c r="G60" s="297"/>
      <c r="H60" s="297"/>
      <c r="I60" s="297"/>
      <c r="J60" s="297"/>
      <c r="K60" s="353"/>
      <c r="L60" s="443"/>
      <c r="M60" s="444"/>
      <c r="N60" s="444"/>
      <c r="O60" s="445"/>
      <c r="P60" s="296"/>
      <c r="Q60" s="297"/>
      <c r="R60" s="297"/>
      <c r="S60" s="297"/>
      <c r="T60" s="297"/>
      <c r="U60" s="297"/>
      <c r="V60" s="447"/>
      <c r="W60" s="448" t="s">
        <v>127</v>
      </c>
      <c r="X60" s="449"/>
      <c r="Y60" s="439"/>
      <c r="Z60" s="439"/>
      <c r="AA60" s="479"/>
      <c r="AB60" s="447"/>
      <c r="AC60" s="496"/>
      <c r="AD60" s="447"/>
      <c r="AE60" s="482"/>
      <c r="AF60" s="485"/>
      <c r="AG60" s="482"/>
      <c r="AH60" s="485"/>
      <c r="AI60" s="296"/>
      <c r="AJ60" s="297"/>
      <c r="AK60" s="297"/>
      <c r="AL60" s="297"/>
      <c r="AM60" s="297"/>
      <c r="AN60" s="297"/>
      <c r="AO60" s="447"/>
      <c r="AP60" s="448" t="s">
        <v>127</v>
      </c>
      <c r="AQ60" s="449"/>
      <c r="AR60" s="439"/>
      <c r="AS60" s="439"/>
      <c r="AT60" s="494"/>
      <c r="AU60" s="491"/>
      <c r="AV60" s="485"/>
      <c r="AW60" s="490"/>
      <c r="AX60" s="491"/>
      <c r="AY60" s="491"/>
      <c r="AZ60" s="491"/>
      <c r="BA60" s="491"/>
      <c r="BB60" s="491"/>
      <c r="BC60" s="491"/>
      <c r="BD60" s="491"/>
      <c r="BE60" s="491"/>
      <c r="BF60" s="491"/>
      <c r="BG60" s="491"/>
      <c r="BH60" s="491"/>
      <c r="BI60" s="491"/>
      <c r="BJ60" s="491"/>
      <c r="BK60" s="485"/>
      <c r="BL60" s="490"/>
      <c r="BM60" s="491"/>
      <c r="BN60" s="485"/>
      <c r="BO60" s="490"/>
      <c r="BP60" s="483"/>
      <c r="BQ60" s="482"/>
      <c r="BR60" s="483"/>
      <c r="BS60" s="482"/>
      <c r="BT60" s="485"/>
      <c r="BU60" s="482"/>
      <c r="BV60" s="485"/>
      <c r="BW60" s="490"/>
      <c r="BX60" s="491"/>
      <c r="BY60" s="491"/>
      <c r="BZ60" s="491"/>
      <c r="CA60" s="491"/>
      <c r="CB60" s="491"/>
      <c r="CC60" s="483"/>
      <c r="CD60" s="448" t="s">
        <v>127</v>
      </c>
      <c r="CE60" s="206"/>
      <c r="CF60" s="205"/>
      <c r="CG60" s="205"/>
      <c r="CH60" s="206"/>
      <c r="CI60" s="296"/>
      <c r="CJ60" s="297"/>
      <c r="CK60" s="353"/>
      <c r="CL60" s="490"/>
      <c r="CM60" s="491"/>
      <c r="CN60" s="492"/>
    </row>
    <row r="61" spans="1:95" ht="12" customHeight="1" x14ac:dyDescent="0.2">
      <c r="A61" s="410"/>
      <c r="B61" s="234">
        <f>B59+1</f>
        <v>4</v>
      </c>
      <c r="C61" s="436"/>
      <c r="D61" s="292"/>
      <c r="E61" s="292"/>
      <c r="F61" s="292"/>
      <c r="G61" s="292"/>
      <c r="H61" s="292"/>
      <c r="I61" s="292"/>
      <c r="J61" s="292"/>
      <c r="K61" s="352"/>
      <c r="L61" s="440"/>
      <c r="M61" s="441"/>
      <c r="N61" s="441"/>
      <c r="O61" s="442"/>
      <c r="P61" s="436"/>
      <c r="Q61" s="292"/>
      <c r="R61" s="292"/>
      <c r="S61" s="292"/>
      <c r="T61" s="292"/>
      <c r="U61" s="292"/>
      <c r="V61" s="446"/>
      <c r="W61" s="437" t="s">
        <v>58</v>
      </c>
      <c r="X61" s="438"/>
      <c r="Y61" s="439" t="s">
        <v>59</v>
      </c>
      <c r="Z61" s="439"/>
      <c r="AA61" s="497"/>
      <c r="AB61" s="446"/>
      <c r="AC61" s="480"/>
      <c r="AD61" s="481"/>
      <c r="AE61" s="480"/>
      <c r="AF61" s="484"/>
      <c r="AG61" s="480"/>
      <c r="AH61" s="484"/>
      <c r="AI61" s="436"/>
      <c r="AJ61" s="292"/>
      <c r="AK61" s="292"/>
      <c r="AL61" s="292"/>
      <c r="AM61" s="292"/>
      <c r="AN61" s="292"/>
      <c r="AO61" s="446"/>
      <c r="AP61" s="437" t="s">
        <v>58</v>
      </c>
      <c r="AQ61" s="438"/>
      <c r="AR61" s="439" t="s">
        <v>59</v>
      </c>
      <c r="AS61" s="439"/>
      <c r="AT61" s="478"/>
      <c r="AU61" s="292"/>
      <c r="AV61" s="352"/>
      <c r="AW61" s="436"/>
      <c r="AX61" s="292"/>
      <c r="AY61" s="292"/>
      <c r="AZ61" s="292"/>
      <c r="BA61" s="292"/>
      <c r="BB61" s="292"/>
      <c r="BC61" s="292"/>
      <c r="BD61" s="292"/>
      <c r="BE61" s="292"/>
      <c r="BF61" s="292"/>
      <c r="BG61" s="292"/>
      <c r="BH61" s="292"/>
      <c r="BI61" s="292"/>
      <c r="BJ61" s="292"/>
      <c r="BK61" s="352"/>
      <c r="BL61" s="486"/>
      <c r="BM61" s="486"/>
      <c r="BN61" s="486"/>
      <c r="BO61" s="436"/>
      <c r="BP61" s="446"/>
      <c r="BQ61" s="480"/>
      <c r="BR61" s="481"/>
      <c r="BS61" s="480"/>
      <c r="BT61" s="484"/>
      <c r="BU61" s="480"/>
      <c r="BV61" s="484"/>
      <c r="BW61" s="487"/>
      <c r="BX61" s="488"/>
      <c r="BY61" s="488"/>
      <c r="BZ61" s="488"/>
      <c r="CA61" s="488"/>
      <c r="CB61" s="488"/>
      <c r="CC61" s="481"/>
      <c r="CD61" s="437" t="s">
        <v>58</v>
      </c>
      <c r="CE61" s="234"/>
      <c r="CF61" s="233" t="s">
        <v>154</v>
      </c>
      <c r="CG61" s="233"/>
      <c r="CH61" s="234"/>
      <c r="CI61" s="436"/>
      <c r="CJ61" s="292"/>
      <c r="CK61" s="352"/>
      <c r="CL61" s="436"/>
      <c r="CM61" s="292"/>
      <c r="CN61" s="293"/>
    </row>
    <row r="62" spans="1:95" ht="12" customHeight="1" x14ac:dyDescent="0.2">
      <c r="A62" s="410"/>
      <c r="B62" s="206"/>
      <c r="C62" s="296"/>
      <c r="D62" s="297"/>
      <c r="E62" s="297"/>
      <c r="F62" s="297"/>
      <c r="G62" s="297"/>
      <c r="H62" s="297"/>
      <c r="I62" s="297"/>
      <c r="J62" s="297"/>
      <c r="K62" s="353"/>
      <c r="L62" s="443"/>
      <c r="M62" s="444"/>
      <c r="N62" s="444"/>
      <c r="O62" s="445"/>
      <c r="P62" s="296"/>
      <c r="Q62" s="297"/>
      <c r="R62" s="297"/>
      <c r="S62" s="297"/>
      <c r="T62" s="297"/>
      <c r="U62" s="297"/>
      <c r="V62" s="447"/>
      <c r="W62" s="448" t="s">
        <v>60</v>
      </c>
      <c r="X62" s="449"/>
      <c r="Y62" s="439"/>
      <c r="Z62" s="439"/>
      <c r="AA62" s="479"/>
      <c r="AB62" s="447"/>
      <c r="AC62" s="482"/>
      <c r="AD62" s="483"/>
      <c r="AE62" s="482"/>
      <c r="AF62" s="485"/>
      <c r="AG62" s="482"/>
      <c r="AH62" s="485"/>
      <c r="AI62" s="296"/>
      <c r="AJ62" s="297"/>
      <c r="AK62" s="297"/>
      <c r="AL62" s="297"/>
      <c r="AM62" s="297"/>
      <c r="AN62" s="297"/>
      <c r="AO62" s="447"/>
      <c r="AP62" s="448" t="s">
        <v>60</v>
      </c>
      <c r="AQ62" s="449"/>
      <c r="AR62" s="439"/>
      <c r="AS62" s="439"/>
      <c r="AT62" s="479"/>
      <c r="AU62" s="297"/>
      <c r="AV62" s="353"/>
      <c r="AW62" s="296"/>
      <c r="AX62" s="297"/>
      <c r="AY62" s="297"/>
      <c r="AZ62" s="297"/>
      <c r="BA62" s="297"/>
      <c r="BB62" s="297"/>
      <c r="BC62" s="297"/>
      <c r="BD62" s="297"/>
      <c r="BE62" s="297"/>
      <c r="BF62" s="297"/>
      <c r="BG62" s="297"/>
      <c r="BH62" s="297"/>
      <c r="BI62" s="297"/>
      <c r="BJ62" s="297"/>
      <c r="BK62" s="353"/>
      <c r="BL62" s="486"/>
      <c r="BM62" s="486"/>
      <c r="BN62" s="486"/>
      <c r="BO62" s="296"/>
      <c r="BP62" s="447"/>
      <c r="BQ62" s="482"/>
      <c r="BR62" s="483"/>
      <c r="BS62" s="482"/>
      <c r="BT62" s="485"/>
      <c r="BU62" s="482"/>
      <c r="BV62" s="485"/>
      <c r="BW62" s="490"/>
      <c r="BX62" s="491"/>
      <c r="BY62" s="491"/>
      <c r="BZ62" s="491"/>
      <c r="CA62" s="491"/>
      <c r="CB62" s="491"/>
      <c r="CC62" s="483"/>
      <c r="CD62" s="448" t="s">
        <v>60</v>
      </c>
      <c r="CE62" s="206"/>
      <c r="CF62" s="205"/>
      <c r="CG62" s="205"/>
      <c r="CH62" s="206"/>
      <c r="CI62" s="296"/>
      <c r="CJ62" s="297"/>
      <c r="CK62" s="353"/>
      <c r="CL62" s="296"/>
      <c r="CM62" s="297"/>
      <c r="CN62" s="298"/>
    </row>
    <row r="63" spans="1:95" ht="12" customHeight="1" x14ac:dyDescent="0.2">
      <c r="A63" s="410"/>
      <c r="B63" s="234">
        <f>B61+1</f>
        <v>5</v>
      </c>
      <c r="C63" s="436"/>
      <c r="D63" s="292"/>
      <c r="E63" s="292"/>
      <c r="F63" s="292"/>
      <c r="G63" s="292"/>
      <c r="H63" s="292"/>
      <c r="I63" s="292"/>
      <c r="J63" s="292"/>
      <c r="K63" s="352"/>
      <c r="L63" s="440"/>
      <c r="M63" s="441"/>
      <c r="N63" s="441"/>
      <c r="O63" s="442"/>
      <c r="P63" s="436"/>
      <c r="Q63" s="292"/>
      <c r="R63" s="292"/>
      <c r="S63" s="292"/>
      <c r="T63" s="292"/>
      <c r="U63" s="292"/>
      <c r="V63" s="446"/>
      <c r="W63" s="437" t="s">
        <v>58</v>
      </c>
      <c r="X63" s="438"/>
      <c r="Y63" s="439" t="s">
        <v>59</v>
      </c>
      <c r="Z63" s="439"/>
      <c r="AA63" s="493"/>
      <c r="AB63" s="481"/>
      <c r="AC63" s="480"/>
      <c r="AD63" s="481"/>
      <c r="AE63" s="480"/>
      <c r="AF63" s="484"/>
      <c r="AG63" s="480"/>
      <c r="AH63" s="484"/>
      <c r="AI63" s="487"/>
      <c r="AJ63" s="488"/>
      <c r="AK63" s="488"/>
      <c r="AL63" s="488"/>
      <c r="AM63" s="488"/>
      <c r="AN63" s="488"/>
      <c r="AO63" s="481"/>
      <c r="AP63" s="437" t="s">
        <v>58</v>
      </c>
      <c r="AQ63" s="438"/>
      <c r="AR63" s="439" t="s">
        <v>59</v>
      </c>
      <c r="AS63" s="439"/>
      <c r="AT63" s="478"/>
      <c r="AU63" s="292"/>
      <c r="AV63" s="352"/>
      <c r="AW63" s="436"/>
      <c r="AX63" s="292"/>
      <c r="AY63" s="292"/>
      <c r="AZ63" s="292"/>
      <c r="BA63" s="292"/>
      <c r="BB63" s="292"/>
      <c r="BC63" s="292"/>
      <c r="BD63" s="292"/>
      <c r="BE63" s="292"/>
      <c r="BF63" s="292"/>
      <c r="BG63" s="292"/>
      <c r="BH63" s="292"/>
      <c r="BI63" s="292"/>
      <c r="BJ63" s="292"/>
      <c r="BK63" s="352"/>
      <c r="BL63" s="486"/>
      <c r="BM63" s="486"/>
      <c r="BN63" s="486"/>
      <c r="BO63" s="487"/>
      <c r="BP63" s="481"/>
      <c r="BQ63" s="480"/>
      <c r="BR63" s="481"/>
      <c r="BS63" s="480"/>
      <c r="BT63" s="484"/>
      <c r="BU63" s="480"/>
      <c r="BV63" s="484"/>
      <c r="BW63" s="487"/>
      <c r="BX63" s="488"/>
      <c r="BY63" s="488"/>
      <c r="BZ63" s="488"/>
      <c r="CA63" s="488"/>
      <c r="CB63" s="488"/>
      <c r="CC63" s="481"/>
      <c r="CD63" s="437" t="s">
        <v>58</v>
      </c>
      <c r="CE63" s="234"/>
      <c r="CF63" s="233" t="s">
        <v>154</v>
      </c>
      <c r="CG63" s="233"/>
      <c r="CH63" s="234"/>
      <c r="CI63" s="436"/>
      <c r="CJ63" s="292"/>
      <c r="CK63" s="352"/>
      <c r="CL63" s="436"/>
      <c r="CM63" s="292"/>
      <c r="CN63" s="293"/>
    </row>
    <row r="64" spans="1:95" ht="12" customHeight="1" x14ac:dyDescent="0.2">
      <c r="A64" s="410"/>
      <c r="B64" s="206"/>
      <c r="C64" s="296"/>
      <c r="D64" s="297"/>
      <c r="E64" s="297"/>
      <c r="F64" s="297"/>
      <c r="G64" s="297"/>
      <c r="H64" s="297"/>
      <c r="I64" s="297"/>
      <c r="J64" s="297"/>
      <c r="K64" s="353"/>
      <c r="L64" s="443"/>
      <c r="M64" s="444"/>
      <c r="N64" s="444"/>
      <c r="O64" s="445"/>
      <c r="P64" s="296"/>
      <c r="Q64" s="297"/>
      <c r="R64" s="297"/>
      <c r="S64" s="297"/>
      <c r="T64" s="297"/>
      <c r="U64" s="297"/>
      <c r="V64" s="447"/>
      <c r="W64" s="448" t="s">
        <v>60</v>
      </c>
      <c r="X64" s="449"/>
      <c r="Y64" s="439"/>
      <c r="Z64" s="439"/>
      <c r="AA64" s="494"/>
      <c r="AB64" s="483"/>
      <c r="AC64" s="482"/>
      <c r="AD64" s="483"/>
      <c r="AE64" s="482"/>
      <c r="AF64" s="485"/>
      <c r="AG64" s="482"/>
      <c r="AH64" s="485"/>
      <c r="AI64" s="490"/>
      <c r="AJ64" s="491"/>
      <c r="AK64" s="491"/>
      <c r="AL64" s="491"/>
      <c r="AM64" s="491"/>
      <c r="AN64" s="491"/>
      <c r="AO64" s="483"/>
      <c r="AP64" s="448" t="s">
        <v>60</v>
      </c>
      <c r="AQ64" s="449"/>
      <c r="AR64" s="439"/>
      <c r="AS64" s="439"/>
      <c r="AT64" s="479"/>
      <c r="AU64" s="297"/>
      <c r="AV64" s="353"/>
      <c r="AW64" s="296"/>
      <c r="AX64" s="297"/>
      <c r="AY64" s="297"/>
      <c r="AZ64" s="297"/>
      <c r="BA64" s="297"/>
      <c r="BB64" s="297"/>
      <c r="BC64" s="297"/>
      <c r="BD64" s="297"/>
      <c r="BE64" s="297"/>
      <c r="BF64" s="297"/>
      <c r="BG64" s="297"/>
      <c r="BH64" s="297"/>
      <c r="BI64" s="297"/>
      <c r="BJ64" s="297"/>
      <c r="BK64" s="353"/>
      <c r="BL64" s="486"/>
      <c r="BM64" s="486"/>
      <c r="BN64" s="486"/>
      <c r="BO64" s="490"/>
      <c r="BP64" s="483"/>
      <c r="BQ64" s="482"/>
      <c r="BR64" s="483"/>
      <c r="BS64" s="482"/>
      <c r="BT64" s="485"/>
      <c r="BU64" s="482"/>
      <c r="BV64" s="485"/>
      <c r="BW64" s="490"/>
      <c r="BX64" s="491"/>
      <c r="BY64" s="491"/>
      <c r="BZ64" s="491"/>
      <c r="CA64" s="491"/>
      <c r="CB64" s="491"/>
      <c r="CC64" s="483"/>
      <c r="CD64" s="448" t="s">
        <v>60</v>
      </c>
      <c r="CE64" s="206"/>
      <c r="CF64" s="205"/>
      <c r="CG64" s="205"/>
      <c r="CH64" s="206"/>
      <c r="CI64" s="296"/>
      <c r="CJ64" s="297"/>
      <c r="CK64" s="353"/>
      <c r="CL64" s="296"/>
      <c r="CM64" s="297"/>
      <c r="CN64" s="298"/>
    </row>
    <row r="65" spans="1:94" ht="12" customHeight="1" x14ac:dyDescent="0.2">
      <c r="A65" s="410"/>
      <c r="B65" s="234">
        <f>B63+1</f>
        <v>6</v>
      </c>
      <c r="C65" s="487"/>
      <c r="D65" s="488"/>
      <c r="E65" s="488"/>
      <c r="F65" s="488"/>
      <c r="G65" s="488"/>
      <c r="H65" s="488"/>
      <c r="I65" s="488"/>
      <c r="J65" s="488"/>
      <c r="K65" s="484"/>
      <c r="L65" s="487"/>
      <c r="M65" s="488"/>
      <c r="N65" s="488"/>
      <c r="O65" s="484"/>
      <c r="P65" s="487"/>
      <c r="Q65" s="488"/>
      <c r="R65" s="488"/>
      <c r="S65" s="488"/>
      <c r="T65" s="488"/>
      <c r="U65" s="488"/>
      <c r="V65" s="481"/>
      <c r="W65" s="437" t="s">
        <v>58</v>
      </c>
      <c r="X65" s="438"/>
      <c r="Y65" s="439" t="s">
        <v>59</v>
      </c>
      <c r="Z65" s="439"/>
      <c r="AA65" s="493"/>
      <c r="AB65" s="481"/>
      <c r="AC65" s="480"/>
      <c r="AD65" s="481"/>
      <c r="AE65" s="480"/>
      <c r="AF65" s="484"/>
      <c r="AG65" s="480"/>
      <c r="AH65" s="484"/>
      <c r="AI65" s="487"/>
      <c r="AJ65" s="488"/>
      <c r="AK65" s="488"/>
      <c r="AL65" s="488"/>
      <c r="AM65" s="488"/>
      <c r="AN65" s="488"/>
      <c r="AO65" s="481"/>
      <c r="AP65" s="437" t="s">
        <v>58</v>
      </c>
      <c r="AQ65" s="438"/>
      <c r="AR65" s="439" t="s">
        <v>59</v>
      </c>
      <c r="AS65" s="439"/>
      <c r="AT65" s="493"/>
      <c r="AU65" s="488"/>
      <c r="AV65" s="484"/>
      <c r="AW65" s="487"/>
      <c r="AX65" s="488"/>
      <c r="AY65" s="488"/>
      <c r="AZ65" s="488"/>
      <c r="BA65" s="488"/>
      <c r="BB65" s="488"/>
      <c r="BC65" s="488"/>
      <c r="BD65" s="488"/>
      <c r="BE65" s="488"/>
      <c r="BF65" s="488"/>
      <c r="BG65" s="488"/>
      <c r="BH65" s="488"/>
      <c r="BI65" s="488"/>
      <c r="BJ65" s="488"/>
      <c r="BK65" s="484"/>
      <c r="BL65" s="487"/>
      <c r="BM65" s="488"/>
      <c r="BN65" s="484"/>
      <c r="BO65" s="487"/>
      <c r="BP65" s="481"/>
      <c r="BQ65" s="480"/>
      <c r="BR65" s="481"/>
      <c r="BS65" s="480"/>
      <c r="BT65" s="484"/>
      <c r="BU65" s="480"/>
      <c r="BV65" s="484"/>
      <c r="BW65" s="487"/>
      <c r="BX65" s="488"/>
      <c r="BY65" s="488"/>
      <c r="BZ65" s="488"/>
      <c r="CA65" s="488"/>
      <c r="CB65" s="488"/>
      <c r="CC65" s="481"/>
      <c r="CD65" s="437" t="s">
        <v>58</v>
      </c>
      <c r="CE65" s="234"/>
      <c r="CF65" s="233" t="s">
        <v>154</v>
      </c>
      <c r="CG65" s="233"/>
      <c r="CH65" s="234"/>
      <c r="CI65" s="436"/>
      <c r="CJ65" s="292"/>
      <c r="CK65" s="352"/>
      <c r="CL65" s="487"/>
      <c r="CM65" s="488"/>
      <c r="CN65" s="489"/>
    </row>
    <row r="66" spans="1:94" ht="12" customHeight="1" x14ac:dyDescent="0.2">
      <c r="A66" s="410"/>
      <c r="B66" s="206"/>
      <c r="C66" s="490"/>
      <c r="D66" s="491"/>
      <c r="E66" s="491"/>
      <c r="F66" s="491"/>
      <c r="G66" s="491"/>
      <c r="H66" s="491"/>
      <c r="I66" s="491"/>
      <c r="J66" s="491"/>
      <c r="K66" s="485"/>
      <c r="L66" s="490"/>
      <c r="M66" s="491"/>
      <c r="N66" s="491"/>
      <c r="O66" s="485"/>
      <c r="P66" s="490"/>
      <c r="Q66" s="491"/>
      <c r="R66" s="491"/>
      <c r="S66" s="491"/>
      <c r="T66" s="491"/>
      <c r="U66" s="491"/>
      <c r="V66" s="483"/>
      <c r="W66" s="448" t="s">
        <v>60</v>
      </c>
      <c r="X66" s="449"/>
      <c r="Y66" s="439"/>
      <c r="Z66" s="439"/>
      <c r="AA66" s="494"/>
      <c r="AB66" s="483"/>
      <c r="AC66" s="482"/>
      <c r="AD66" s="483"/>
      <c r="AE66" s="482"/>
      <c r="AF66" s="485"/>
      <c r="AG66" s="482"/>
      <c r="AH66" s="485"/>
      <c r="AI66" s="490"/>
      <c r="AJ66" s="491"/>
      <c r="AK66" s="491"/>
      <c r="AL66" s="491"/>
      <c r="AM66" s="491"/>
      <c r="AN66" s="491"/>
      <c r="AO66" s="483"/>
      <c r="AP66" s="448" t="s">
        <v>60</v>
      </c>
      <c r="AQ66" s="449"/>
      <c r="AR66" s="439"/>
      <c r="AS66" s="439"/>
      <c r="AT66" s="494"/>
      <c r="AU66" s="491"/>
      <c r="AV66" s="485"/>
      <c r="AW66" s="490"/>
      <c r="AX66" s="491"/>
      <c r="AY66" s="491"/>
      <c r="AZ66" s="491"/>
      <c r="BA66" s="491"/>
      <c r="BB66" s="491"/>
      <c r="BC66" s="491"/>
      <c r="BD66" s="491"/>
      <c r="BE66" s="491"/>
      <c r="BF66" s="491"/>
      <c r="BG66" s="491"/>
      <c r="BH66" s="491"/>
      <c r="BI66" s="491"/>
      <c r="BJ66" s="491"/>
      <c r="BK66" s="485"/>
      <c r="BL66" s="490"/>
      <c r="BM66" s="491"/>
      <c r="BN66" s="485"/>
      <c r="BO66" s="490"/>
      <c r="BP66" s="483"/>
      <c r="BQ66" s="482"/>
      <c r="BR66" s="483"/>
      <c r="BS66" s="482"/>
      <c r="BT66" s="485"/>
      <c r="BU66" s="482"/>
      <c r="BV66" s="485"/>
      <c r="BW66" s="490"/>
      <c r="BX66" s="491"/>
      <c r="BY66" s="491"/>
      <c r="BZ66" s="491"/>
      <c r="CA66" s="491"/>
      <c r="CB66" s="491"/>
      <c r="CC66" s="483"/>
      <c r="CD66" s="448" t="s">
        <v>60</v>
      </c>
      <c r="CE66" s="206"/>
      <c r="CF66" s="205"/>
      <c r="CG66" s="205"/>
      <c r="CH66" s="206"/>
      <c r="CI66" s="296"/>
      <c r="CJ66" s="297"/>
      <c r="CK66" s="353"/>
      <c r="CL66" s="490"/>
      <c r="CM66" s="491"/>
      <c r="CN66" s="492"/>
    </row>
    <row r="67" spans="1:94" ht="12" customHeight="1" x14ac:dyDescent="0.2">
      <c r="A67" s="410"/>
      <c r="B67" s="234">
        <f>B65+1</f>
        <v>7</v>
      </c>
      <c r="C67" s="487"/>
      <c r="D67" s="488"/>
      <c r="E67" s="488"/>
      <c r="F67" s="488"/>
      <c r="G67" s="488"/>
      <c r="H67" s="488"/>
      <c r="I67" s="488"/>
      <c r="J67" s="488"/>
      <c r="K67" s="484"/>
      <c r="L67" s="487"/>
      <c r="M67" s="488"/>
      <c r="N67" s="488"/>
      <c r="O67" s="484"/>
      <c r="P67" s="487"/>
      <c r="Q67" s="488"/>
      <c r="R67" s="488"/>
      <c r="S67" s="488"/>
      <c r="T67" s="488"/>
      <c r="U67" s="488"/>
      <c r="V67" s="481"/>
      <c r="W67" s="437" t="s">
        <v>125</v>
      </c>
      <c r="X67" s="438"/>
      <c r="Y67" s="439" t="s">
        <v>126</v>
      </c>
      <c r="Z67" s="439"/>
      <c r="AA67" s="493"/>
      <c r="AB67" s="481"/>
      <c r="AC67" s="480"/>
      <c r="AD67" s="481"/>
      <c r="AE67" s="480"/>
      <c r="AF67" s="484"/>
      <c r="AG67" s="480"/>
      <c r="AH67" s="484"/>
      <c r="AI67" s="487"/>
      <c r="AJ67" s="488"/>
      <c r="AK67" s="488"/>
      <c r="AL67" s="488"/>
      <c r="AM67" s="488"/>
      <c r="AN67" s="488"/>
      <c r="AO67" s="481"/>
      <c r="AP67" s="437" t="s">
        <v>125</v>
      </c>
      <c r="AQ67" s="438"/>
      <c r="AR67" s="439" t="s">
        <v>126</v>
      </c>
      <c r="AS67" s="439"/>
      <c r="AT67" s="493"/>
      <c r="AU67" s="488"/>
      <c r="AV67" s="484"/>
      <c r="AW67" s="487"/>
      <c r="AX67" s="488"/>
      <c r="AY67" s="488"/>
      <c r="AZ67" s="488"/>
      <c r="BA67" s="488"/>
      <c r="BB67" s="488"/>
      <c r="BC67" s="488"/>
      <c r="BD67" s="488"/>
      <c r="BE67" s="488"/>
      <c r="BF67" s="488"/>
      <c r="BG67" s="488"/>
      <c r="BH67" s="488"/>
      <c r="BI67" s="488"/>
      <c r="BJ67" s="488"/>
      <c r="BK67" s="484"/>
      <c r="BL67" s="487"/>
      <c r="BM67" s="488"/>
      <c r="BN67" s="484"/>
      <c r="BO67" s="487"/>
      <c r="BP67" s="481"/>
      <c r="BQ67" s="480"/>
      <c r="BR67" s="481"/>
      <c r="BS67" s="480"/>
      <c r="BT67" s="484"/>
      <c r="BU67" s="480"/>
      <c r="BV67" s="484"/>
      <c r="BW67" s="487"/>
      <c r="BX67" s="488"/>
      <c r="BY67" s="488"/>
      <c r="BZ67" s="488"/>
      <c r="CA67" s="488"/>
      <c r="CB67" s="488"/>
      <c r="CC67" s="481"/>
      <c r="CD67" s="437" t="s">
        <v>125</v>
      </c>
      <c r="CE67" s="234"/>
      <c r="CF67" s="233" t="s">
        <v>154</v>
      </c>
      <c r="CG67" s="233"/>
      <c r="CH67" s="234"/>
      <c r="CI67" s="436"/>
      <c r="CJ67" s="292"/>
      <c r="CK67" s="352"/>
      <c r="CL67" s="487"/>
      <c r="CM67" s="488"/>
      <c r="CN67" s="489"/>
    </row>
    <row r="68" spans="1:94" ht="12" customHeight="1" x14ac:dyDescent="0.2">
      <c r="A68" s="410"/>
      <c r="B68" s="206"/>
      <c r="C68" s="490"/>
      <c r="D68" s="491"/>
      <c r="E68" s="491"/>
      <c r="F68" s="491"/>
      <c r="G68" s="491"/>
      <c r="H68" s="491"/>
      <c r="I68" s="491"/>
      <c r="J68" s="491"/>
      <c r="K68" s="485"/>
      <c r="L68" s="490"/>
      <c r="M68" s="491"/>
      <c r="N68" s="491"/>
      <c r="O68" s="485"/>
      <c r="P68" s="490"/>
      <c r="Q68" s="491"/>
      <c r="R68" s="491"/>
      <c r="S68" s="491"/>
      <c r="T68" s="491"/>
      <c r="U68" s="491"/>
      <c r="V68" s="483"/>
      <c r="W68" s="448" t="s">
        <v>127</v>
      </c>
      <c r="X68" s="449"/>
      <c r="Y68" s="439"/>
      <c r="Z68" s="439"/>
      <c r="AA68" s="494"/>
      <c r="AB68" s="483"/>
      <c r="AC68" s="482"/>
      <c r="AD68" s="483"/>
      <c r="AE68" s="482"/>
      <c r="AF68" s="485"/>
      <c r="AG68" s="482"/>
      <c r="AH68" s="485"/>
      <c r="AI68" s="490"/>
      <c r="AJ68" s="491"/>
      <c r="AK68" s="491"/>
      <c r="AL68" s="491"/>
      <c r="AM68" s="491"/>
      <c r="AN68" s="491"/>
      <c r="AO68" s="483"/>
      <c r="AP68" s="448" t="s">
        <v>127</v>
      </c>
      <c r="AQ68" s="449"/>
      <c r="AR68" s="439"/>
      <c r="AS68" s="439"/>
      <c r="AT68" s="494"/>
      <c r="AU68" s="491"/>
      <c r="AV68" s="485"/>
      <c r="AW68" s="490"/>
      <c r="AX68" s="491"/>
      <c r="AY68" s="491"/>
      <c r="AZ68" s="491"/>
      <c r="BA68" s="491"/>
      <c r="BB68" s="491"/>
      <c r="BC68" s="491"/>
      <c r="BD68" s="491"/>
      <c r="BE68" s="491"/>
      <c r="BF68" s="491"/>
      <c r="BG68" s="491"/>
      <c r="BH68" s="491"/>
      <c r="BI68" s="491"/>
      <c r="BJ68" s="491"/>
      <c r="BK68" s="485"/>
      <c r="BL68" s="490"/>
      <c r="BM68" s="491"/>
      <c r="BN68" s="485"/>
      <c r="BO68" s="490"/>
      <c r="BP68" s="483"/>
      <c r="BQ68" s="482"/>
      <c r="BR68" s="483"/>
      <c r="BS68" s="482"/>
      <c r="BT68" s="485"/>
      <c r="BU68" s="482"/>
      <c r="BV68" s="485"/>
      <c r="BW68" s="490"/>
      <c r="BX68" s="491"/>
      <c r="BY68" s="491"/>
      <c r="BZ68" s="491"/>
      <c r="CA68" s="491"/>
      <c r="CB68" s="491"/>
      <c r="CC68" s="483"/>
      <c r="CD68" s="448" t="s">
        <v>127</v>
      </c>
      <c r="CE68" s="206"/>
      <c r="CF68" s="205"/>
      <c r="CG68" s="205"/>
      <c r="CH68" s="206"/>
      <c r="CI68" s="296"/>
      <c r="CJ68" s="297"/>
      <c r="CK68" s="353"/>
      <c r="CL68" s="490"/>
      <c r="CM68" s="491"/>
      <c r="CN68" s="492"/>
    </row>
    <row r="69" spans="1:94" ht="12" customHeight="1" x14ac:dyDescent="0.2">
      <c r="A69" s="410"/>
      <c r="B69" s="234">
        <f>B67+1</f>
        <v>8</v>
      </c>
      <c r="C69" s="487"/>
      <c r="D69" s="488"/>
      <c r="E69" s="488"/>
      <c r="F69" s="488"/>
      <c r="G69" s="488"/>
      <c r="H69" s="488"/>
      <c r="I69" s="488"/>
      <c r="J69" s="488"/>
      <c r="K69" s="484"/>
      <c r="L69" s="487"/>
      <c r="M69" s="488"/>
      <c r="N69" s="488"/>
      <c r="O69" s="484"/>
      <c r="P69" s="487"/>
      <c r="Q69" s="488"/>
      <c r="R69" s="488"/>
      <c r="S69" s="488"/>
      <c r="T69" s="488"/>
      <c r="U69" s="488"/>
      <c r="V69" s="481"/>
      <c r="W69" s="437" t="s">
        <v>125</v>
      </c>
      <c r="X69" s="438"/>
      <c r="Y69" s="439" t="s">
        <v>126</v>
      </c>
      <c r="Z69" s="439"/>
      <c r="AA69" s="493"/>
      <c r="AB69" s="481"/>
      <c r="AC69" s="480"/>
      <c r="AD69" s="481"/>
      <c r="AE69" s="480"/>
      <c r="AF69" s="484"/>
      <c r="AG69" s="480"/>
      <c r="AH69" s="484"/>
      <c r="AI69" s="487"/>
      <c r="AJ69" s="488"/>
      <c r="AK69" s="488"/>
      <c r="AL69" s="488"/>
      <c r="AM69" s="488"/>
      <c r="AN69" s="488"/>
      <c r="AO69" s="481"/>
      <c r="AP69" s="437" t="s">
        <v>125</v>
      </c>
      <c r="AQ69" s="438"/>
      <c r="AR69" s="439" t="s">
        <v>126</v>
      </c>
      <c r="AS69" s="439"/>
      <c r="AT69" s="493"/>
      <c r="AU69" s="488"/>
      <c r="AV69" s="484"/>
      <c r="AW69" s="487"/>
      <c r="AX69" s="488"/>
      <c r="AY69" s="488"/>
      <c r="AZ69" s="488"/>
      <c r="BA69" s="488"/>
      <c r="BB69" s="488"/>
      <c r="BC69" s="488"/>
      <c r="BD69" s="488"/>
      <c r="BE69" s="488"/>
      <c r="BF69" s="488"/>
      <c r="BG69" s="488"/>
      <c r="BH69" s="488"/>
      <c r="BI69" s="488"/>
      <c r="BJ69" s="488"/>
      <c r="BK69" s="484"/>
      <c r="BL69" s="487"/>
      <c r="BM69" s="488"/>
      <c r="BN69" s="484"/>
      <c r="BO69" s="487"/>
      <c r="BP69" s="481"/>
      <c r="BQ69" s="480"/>
      <c r="BR69" s="481"/>
      <c r="BS69" s="480"/>
      <c r="BT69" s="484"/>
      <c r="BU69" s="480"/>
      <c r="BV69" s="484"/>
      <c r="BW69" s="487"/>
      <c r="BX69" s="488"/>
      <c r="BY69" s="488"/>
      <c r="BZ69" s="488"/>
      <c r="CA69" s="488"/>
      <c r="CB69" s="488"/>
      <c r="CC69" s="481"/>
      <c r="CD69" s="437" t="s">
        <v>125</v>
      </c>
      <c r="CE69" s="234"/>
      <c r="CF69" s="233" t="s">
        <v>154</v>
      </c>
      <c r="CG69" s="233"/>
      <c r="CH69" s="234"/>
      <c r="CI69" s="436"/>
      <c r="CJ69" s="292"/>
      <c r="CK69" s="352"/>
      <c r="CL69" s="487"/>
      <c r="CM69" s="488"/>
      <c r="CN69" s="489"/>
    </row>
    <row r="70" spans="1:94" ht="12" customHeight="1" x14ac:dyDescent="0.2">
      <c r="A70" s="410"/>
      <c r="B70" s="206"/>
      <c r="C70" s="490"/>
      <c r="D70" s="491"/>
      <c r="E70" s="491"/>
      <c r="F70" s="491"/>
      <c r="G70" s="491"/>
      <c r="H70" s="491"/>
      <c r="I70" s="491"/>
      <c r="J70" s="491"/>
      <c r="K70" s="485"/>
      <c r="L70" s="490"/>
      <c r="M70" s="491"/>
      <c r="N70" s="491"/>
      <c r="O70" s="485"/>
      <c r="P70" s="490"/>
      <c r="Q70" s="491"/>
      <c r="R70" s="491"/>
      <c r="S70" s="491"/>
      <c r="T70" s="491"/>
      <c r="U70" s="491"/>
      <c r="V70" s="483"/>
      <c r="W70" s="448" t="s">
        <v>127</v>
      </c>
      <c r="X70" s="449"/>
      <c r="Y70" s="439"/>
      <c r="Z70" s="439"/>
      <c r="AA70" s="494"/>
      <c r="AB70" s="483"/>
      <c r="AC70" s="482"/>
      <c r="AD70" s="483"/>
      <c r="AE70" s="482"/>
      <c r="AF70" s="485"/>
      <c r="AG70" s="482"/>
      <c r="AH70" s="485"/>
      <c r="AI70" s="490"/>
      <c r="AJ70" s="491"/>
      <c r="AK70" s="491"/>
      <c r="AL70" s="491"/>
      <c r="AM70" s="491"/>
      <c r="AN70" s="491"/>
      <c r="AO70" s="483"/>
      <c r="AP70" s="448" t="s">
        <v>127</v>
      </c>
      <c r="AQ70" s="449"/>
      <c r="AR70" s="439"/>
      <c r="AS70" s="439"/>
      <c r="AT70" s="494"/>
      <c r="AU70" s="491"/>
      <c r="AV70" s="485"/>
      <c r="AW70" s="490"/>
      <c r="AX70" s="491"/>
      <c r="AY70" s="491"/>
      <c r="AZ70" s="491"/>
      <c r="BA70" s="491"/>
      <c r="BB70" s="491"/>
      <c r="BC70" s="491"/>
      <c r="BD70" s="491"/>
      <c r="BE70" s="491"/>
      <c r="BF70" s="491"/>
      <c r="BG70" s="491"/>
      <c r="BH70" s="491"/>
      <c r="BI70" s="491"/>
      <c r="BJ70" s="491"/>
      <c r="BK70" s="485"/>
      <c r="BL70" s="490"/>
      <c r="BM70" s="491"/>
      <c r="BN70" s="485"/>
      <c r="BO70" s="490"/>
      <c r="BP70" s="483"/>
      <c r="BQ70" s="482"/>
      <c r="BR70" s="483"/>
      <c r="BS70" s="482"/>
      <c r="BT70" s="485"/>
      <c r="BU70" s="482"/>
      <c r="BV70" s="485"/>
      <c r="BW70" s="490"/>
      <c r="BX70" s="491"/>
      <c r="BY70" s="491"/>
      <c r="BZ70" s="491"/>
      <c r="CA70" s="491"/>
      <c r="CB70" s="491"/>
      <c r="CC70" s="483"/>
      <c r="CD70" s="448" t="s">
        <v>127</v>
      </c>
      <c r="CE70" s="206"/>
      <c r="CF70" s="205"/>
      <c r="CG70" s="205"/>
      <c r="CH70" s="206"/>
      <c r="CI70" s="296"/>
      <c r="CJ70" s="297"/>
      <c r="CK70" s="353"/>
      <c r="CL70" s="490"/>
      <c r="CM70" s="491"/>
      <c r="CN70" s="492"/>
    </row>
    <row r="71" spans="1:94" ht="12" customHeight="1" x14ac:dyDescent="0.2">
      <c r="A71" s="410"/>
      <c r="B71" s="234">
        <f>B69+1</f>
        <v>9</v>
      </c>
      <c r="C71" s="487"/>
      <c r="D71" s="488"/>
      <c r="E71" s="488"/>
      <c r="F71" s="488"/>
      <c r="G71" s="488"/>
      <c r="H71" s="488"/>
      <c r="I71" s="488"/>
      <c r="J71" s="488"/>
      <c r="K71" s="484"/>
      <c r="L71" s="487"/>
      <c r="M71" s="488"/>
      <c r="N71" s="488"/>
      <c r="O71" s="484"/>
      <c r="P71" s="487"/>
      <c r="Q71" s="488"/>
      <c r="R71" s="488"/>
      <c r="S71" s="488"/>
      <c r="T71" s="488"/>
      <c r="U71" s="488"/>
      <c r="V71" s="481"/>
      <c r="W71" s="437" t="s">
        <v>125</v>
      </c>
      <c r="X71" s="438"/>
      <c r="Y71" s="439" t="s">
        <v>126</v>
      </c>
      <c r="Z71" s="439"/>
      <c r="AA71" s="493"/>
      <c r="AB71" s="481"/>
      <c r="AC71" s="480"/>
      <c r="AD71" s="481"/>
      <c r="AE71" s="480"/>
      <c r="AF71" s="484"/>
      <c r="AG71" s="480"/>
      <c r="AH71" s="484"/>
      <c r="AI71" s="487"/>
      <c r="AJ71" s="488"/>
      <c r="AK71" s="488"/>
      <c r="AL71" s="488"/>
      <c r="AM71" s="488"/>
      <c r="AN71" s="488"/>
      <c r="AO71" s="481"/>
      <c r="AP71" s="437" t="s">
        <v>125</v>
      </c>
      <c r="AQ71" s="438"/>
      <c r="AR71" s="439" t="s">
        <v>126</v>
      </c>
      <c r="AS71" s="439"/>
      <c r="AT71" s="493"/>
      <c r="AU71" s="488"/>
      <c r="AV71" s="484"/>
      <c r="AW71" s="487"/>
      <c r="AX71" s="488"/>
      <c r="AY71" s="488"/>
      <c r="AZ71" s="488"/>
      <c r="BA71" s="488"/>
      <c r="BB71" s="488"/>
      <c r="BC71" s="488"/>
      <c r="BD71" s="488"/>
      <c r="BE71" s="488"/>
      <c r="BF71" s="488"/>
      <c r="BG71" s="488"/>
      <c r="BH71" s="488"/>
      <c r="BI71" s="488"/>
      <c r="BJ71" s="488"/>
      <c r="BK71" s="484"/>
      <c r="BL71" s="487"/>
      <c r="BM71" s="488"/>
      <c r="BN71" s="484"/>
      <c r="BO71" s="487"/>
      <c r="BP71" s="481"/>
      <c r="BQ71" s="480"/>
      <c r="BR71" s="481"/>
      <c r="BS71" s="480"/>
      <c r="BT71" s="484"/>
      <c r="BU71" s="480"/>
      <c r="BV71" s="484"/>
      <c r="BW71" s="487"/>
      <c r="BX71" s="488"/>
      <c r="BY71" s="488"/>
      <c r="BZ71" s="488"/>
      <c r="CA71" s="488"/>
      <c r="CB71" s="488"/>
      <c r="CC71" s="481"/>
      <c r="CD71" s="437" t="s">
        <v>125</v>
      </c>
      <c r="CE71" s="234"/>
      <c r="CF71" s="233" t="s">
        <v>154</v>
      </c>
      <c r="CG71" s="233"/>
      <c r="CH71" s="234"/>
      <c r="CI71" s="436"/>
      <c r="CJ71" s="292"/>
      <c r="CK71" s="352"/>
      <c r="CL71" s="487"/>
      <c r="CM71" s="488"/>
      <c r="CN71" s="489"/>
    </row>
    <row r="72" spans="1:94" ht="12" customHeight="1" x14ac:dyDescent="0.2">
      <c r="A72" s="410"/>
      <c r="B72" s="206"/>
      <c r="C72" s="490"/>
      <c r="D72" s="491"/>
      <c r="E72" s="491"/>
      <c r="F72" s="491"/>
      <c r="G72" s="491"/>
      <c r="H72" s="491"/>
      <c r="I72" s="491"/>
      <c r="J72" s="491"/>
      <c r="K72" s="485"/>
      <c r="L72" s="490"/>
      <c r="M72" s="491"/>
      <c r="N72" s="491"/>
      <c r="O72" s="485"/>
      <c r="P72" s="490"/>
      <c r="Q72" s="491"/>
      <c r="R72" s="491"/>
      <c r="S72" s="491"/>
      <c r="T72" s="491"/>
      <c r="U72" s="491"/>
      <c r="V72" s="483"/>
      <c r="W72" s="448" t="s">
        <v>127</v>
      </c>
      <c r="X72" s="449"/>
      <c r="Y72" s="439"/>
      <c r="Z72" s="439"/>
      <c r="AA72" s="494"/>
      <c r="AB72" s="483"/>
      <c r="AC72" s="482"/>
      <c r="AD72" s="483"/>
      <c r="AE72" s="482"/>
      <c r="AF72" s="485"/>
      <c r="AG72" s="482"/>
      <c r="AH72" s="485"/>
      <c r="AI72" s="490"/>
      <c r="AJ72" s="491"/>
      <c r="AK72" s="491"/>
      <c r="AL72" s="491"/>
      <c r="AM72" s="491"/>
      <c r="AN72" s="491"/>
      <c r="AO72" s="483"/>
      <c r="AP72" s="448" t="s">
        <v>127</v>
      </c>
      <c r="AQ72" s="449"/>
      <c r="AR72" s="439"/>
      <c r="AS72" s="439"/>
      <c r="AT72" s="494"/>
      <c r="AU72" s="491"/>
      <c r="AV72" s="485"/>
      <c r="AW72" s="490"/>
      <c r="AX72" s="491"/>
      <c r="AY72" s="491"/>
      <c r="AZ72" s="491"/>
      <c r="BA72" s="491"/>
      <c r="BB72" s="491"/>
      <c r="BC72" s="491"/>
      <c r="BD72" s="491"/>
      <c r="BE72" s="491"/>
      <c r="BF72" s="491"/>
      <c r="BG72" s="491"/>
      <c r="BH72" s="491"/>
      <c r="BI72" s="491"/>
      <c r="BJ72" s="491"/>
      <c r="BK72" s="485"/>
      <c r="BL72" s="490"/>
      <c r="BM72" s="491"/>
      <c r="BN72" s="485"/>
      <c r="BO72" s="490"/>
      <c r="BP72" s="483"/>
      <c r="BQ72" s="482"/>
      <c r="BR72" s="483"/>
      <c r="BS72" s="482"/>
      <c r="BT72" s="485"/>
      <c r="BU72" s="482"/>
      <c r="BV72" s="485"/>
      <c r="BW72" s="490"/>
      <c r="BX72" s="491"/>
      <c r="BY72" s="491"/>
      <c r="BZ72" s="491"/>
      <c r="CA72" s="491"/>
      <c r="CB72" s="491"/>
      <c r="CC72" s="483"/>
      <c r="CD72" s="448" t="s">
        <v>127</v>
      </c>
      <c r="CE72" s="206"/>
      <c r="CF72" s="205"/>
      <c r="CG72" s="205"/>
      <c r="CH72" s="206"/>
      <c r="CI72" s="296"/>
      <c r="CJ72" s="297"/>
      <c r="CK72" s="353"/>
      <c r="CL72" s="490"/>
      <c r="CM72" s="491"/>
      <c r="CN72" s="492"/>
    </row>
    <row r="73" spans="1:94" ht="12" customHeight="1" x14ac:dyDescent="0.2">
      <c r="A73" s="410"/>
      <c r="B73" s="234">
        <f>B71+1</f>
        <v>10</v>
      </c>
      <c r="C73" s="487"/>
      <c r="D73" s="488"/>
      <c r="E73" s="488"/>
      <c r="F73" s="488"/>
      <c r="G73" s="488"/>
      <c r="H73" s="488"/>
      <c r="I73" s="488"/>
      <c r="J73" s="488"/>
      <c r="K73" s="484"/>
      <c r="L73" s="487"/>
      <c r="M73" s="488"/>
      <c r="N73" s="488"/>
      <c r="O73" s="484"/>
      <c r="P73" s="487"/>
      <c r="Q73" s="488"/>
      <c r="R73" s="488"/>
      <c r="S73" s="488"/>
      <c r="T73" s="488"/>
      <c r="U73" s="488"/>
      <c r="V73" s="481"/>
      <c r="W73" s="437" t="s">
        <v>125</v>
      </c>
      <c r="X73" s="438"/>
      <c r="Y73" s="439" t="s">
        <v>126</v>
      </c>
      <c r="Z73" s="439"/>
      <c r="AA73" s="493"/>
      <c r="AB73" s="481"/>
      <c r="AC73" s="480"/>
      <c r="AD73" s="481"/>
      <c r="AE73" s="480"/>
      <c r="AF73" s="484"/>
      <c r="AG73" s="487"/>
      <c r="AH73" s="484"/>
      <c r="AI73" s="487"/>
      <c r="AJ73" s="488"/>
      <c r="AK73" s="488"/>
      <c r="AL73" s="488"/>
      <c r="AM73" s="488"/>
      <c r="AN73" s="488"/>
      <c r="AO73" s="481"/>
      <c r="AP73" s="437" t="s">
        <v>125</v>
      </c>
      <c r="AQ73" s="438"/>
      <c r="AR73" s="439" t="s">
        <v>126</v>
      </c>
      <c r="AS73" s="439"/>
      <c r="AT73" s="493"/>
      <c r="AU73" s="488"/>
      <c r="AV73" s="484"/>
      <c r="AW73" s="487"/>
      <c r="AX73" s="488"/>
      <c r="AY73" s="488"/>
      <c r="AZ73" s="488"/>
      <c r="BA73" s="488"/>
      <c r="BB73" s="488"/>
      <c r="BC73" s="488"/>
      <c r="BD73" s="488"/>
      <c r="BE73" s="488"/>
      <c r="BF73" s="488"/>
      <c r="BG73" s="488"/>
      <c r="BH73" s="488"/>
      <c r="BI73" s="488"/>
      <c r="BJ73" s="488"/>
      <c r="BK73" s="484"/>
      <c r="BL73" s="487"/>
      <c r="BM73" s="488"/>
      <c r="BN73" s="484"/>
      <c r="BO73" s="487"/>
      <c r="BP73" s="481"/>
      <c r="BQ73" s="480"/>
      <c r="BR73" s="481"/>
      <c r="BS73" s="480"/>
      <c r="BT73" s="484"/>
      <c r="BU73" s="487"/>
      <c r="BV73" s="484"/>
      <c r="BW73" s="487"/>
      <c r="BX73" s="488"/>
      <c r="BY73" s="488"/>
      <c r="BZ73" s="488"/>
      <c r="CA73" s="488"/>
      <c r="CB73" s="488"/>
      <c r="CC73" s="481"/>
      <c r="CD73" s="437" t="s">
        <v>125</v>
      </c>
      <c r="CE73" s="234"/>
      <c r="CF73" s="233" t="s">
        <v>154</v>
      </c>
      <c r="CG73" s="233"/>
      <c r="CH73" s="234"/>
      <c r="CI73" s="436"/>
      <c r="CJ73" s="292"/>
      <c r="CK73" s="352"/>
      <c r="CL73" s="487"/>
      <c r="CM73" s="488"/>
      <c r="CN73" s="489"/>
    </row>
    <row r="74" spans="1:94" ht="12" customHeight="1" thickBot="1" x14ac:dyDescent="0.25">
      <c r="A74" s="411"/>
      <c r="B74" s="344"/>
      <c r="C74" s="498"/>
      <c r="D74" s="499"/>
      <c r="E74" s="499"/>
      <c r="F74" s="499"/>
      <c r="G74" s="499"/>
      <c r="H74" s="499"/>
      <c r="I74" s="499"/>
      <c r="J74" s="499"/>
      <c r="K74" s="500"/>
      <c r="L74" s="498"/>
      <c r="M74" s="499"/>
      <c r="N74" s="499"/>
      <c r="O74" s="500"/>
      <c r="P74" s="498"/>
      <c r="Q74" s="499"/>
      <c r="R74" s="499"/>
      <c r="S74" s="499"/>
      <c r="T74" s="499"/>
      <c r="U74" s="499"/>
      <c r="V74" s="501"/>
      <c r="W74" s="516" t="s">
        <v>127</v>
      </c>
      <c r="X74" s="517"/>
      <c r="Y74" s="502"/>
      <c r="Z74" s="502"/>
      <c r="AA74" s="518"/>
      <c r="AB74" s="501"/>
      <c r="AC74" s="519"/>
      <c r="AD74" s="501"/>
      <c r="AE74" s="519"/>
      <c r="AF74" s="500"/>
      <c r="AG74" s="498"/>
      <c r="AH74" s="500"/>
      <c r="AI74" s="498"/>
      <c r="AJ74" s="499"/>
      <c r="AK74" s="499"/>
      <c r="AL74" s="499"/>
      <c r="AM74" s="499"/>
      <c r="AN74" s="499"/>
      <c r="AO74" s="501"/>
      <c r="AP74" s="516" t="s">
        <v>127</v>
      </c>
      <c r="AQ74" s="517"/>
      <c r="AR74" s="502"/>
      <c r="AS74" s="502"/>
      <c r="AT74" s="518"/>
      <c r="AU74" s="499"/>
      <c r="AV74" s="500"/>
      <c r="AW74" s="498"/>
      <c r="AX74" s="499"/>
      <c r="AY74" s="499"/>
      <c r="AZ74" s="499"/>
      <c r="BA74" s="499"/>
      <c r="BB74" s="499"/>
      <c r="BC74" s="499"/>
      <c r="BD74" s="499"/>
      <c r="BE74" s="499"/>
      <c r="BF74" s="499"/>
      <c r="BG74" s="499"/>
      <c r="BH74" s="499"/>
      <c r="BI74" s="499"/>
      <c r="BJ74" s="499"/>
      <c r="BK74" s="500"/>
      <c r="BL74" s="498"/>
      <c r="BM74" s="499"/>
      <c r="BN74" s="500"/>
      <c r="BO74" s="498"/>
      <c r="BP74" s="501"/>
      <c r="BQ74" s="519"/>
      <c r="BR74" s="501"/>
      <c r="BS74" s="519"/>
      <c r="BT74" s="500"/>
      <c r="BU74" s="498"/>
      <c r="BV74" s="500"/>
      <c r="BW74" s="498"/>
      <c r="BX74" s="499"/>
      <c r="BY74" s="499"/>
      <c r="BZ74" s="499"/>
      <c r="CA74" s="499"/>
      <c r="CB74" s="499"/>
      <c r="CC74" s="501"/>
      <c r="CD74" s="516" t="s">
        <v>127</v>
      </c>
      <c r="CE74" s="344"/>
      <c r="CF74" s="343"/>
      <c r="CG74" s="343"/>
      <c r="CH74" s="344"/>
      <c r="CI74" s="296"/>
      <c r="CJ74" s="297"/>
      <c r="CK74" s="353"/>
      <c r="CL74" s="498"/>
      <c r="CM74" s="499"/>
      <c r="CN74" s="515"/>
    </row>
    <row r="75" spans="1:94" ht="12" customHeight="1" x14ac:dyDescent="0.2">
      <c r="AS75" s="27"/>
      <c r="AT75" s="27"/>
      <c r="AU75" s="27"/>
      <c r="AV75" s="27"/>
      <c r="AW75" s="27"/>
      <c r="AX75" s="27"/>
      <c r="AY75" s="27"/>
      <c r="AZ75" s="27"/>
      <c r="BA75" s="27"/>
      <c r="BB75" s="27"/>
      <c r="BC75" s="27"/>
      <c r="BD75" s="27"/>
      <c r="BE75" s="27"/>
      <c r="BF75" s="27"/>
      <c r="BG75" s="27"/>
      <c r="BH75" s="27"/>
      <c r="BP75" s="77"/>
      <c r="BQ75" s="77"/>
      <c r="BR75" s="77"/>
      <c r="BS75" s="77"/>
      <c r="BT75" s="27"/>
      <c r="BU75" s="27"/>
      <c r="BV75" s="27"/>
      <c r="BW75" s="27"/>
      <c r="BX75" s="27"/>
      <c r="BY75" s="27"/>
      <c r="BZ75" s="27"/>
      <c r="CA75" s="27"/>
      <c r="CB75" s="27"/>
      <c r="CC75" s="27"/>
      <c r="CD75" s="78"/>
      <c r="CE75" s="79"/>
      <c r="CF75" s="79"/>
      <c r="CG75" s="79"/>
      <c r="CH75" s="79"/>
      <c r="CI75" s="79"/>
      <c r="CJ75" s="79"/>
      <c r="CK75" s="79"/>
      <c r="CL75" s="66"/>
      <c r="CM75" s="66"/>
      <c r="CN75" s="66"/>
      <c r="CO75" s="66"/>
    </row>
    <row r="76" spans="1:94" ht="12" customHeight="1" x14ac:dyDescent="0.2">
      <c r="A76" s="80"/>
      <c r="B76" s="80"/>
      <c r="C76" s="80"/>
      <c r="D76" s="80"/>
      <c r="E76" s="80"/>
      <c r="F76" s="80"/>
      <c r="G76" s="80"/>
      <c r="H76" s="503" t="s">
        <v>65</v>
      </c>
      <c r="I76" s="504"/>
      <c r="J76" s="504"/>
      <c r="K76" s="504"/>
      <c r="L76" s="504"/>
      <c r="M76" s="504"/>
      <c r="N76" s="504"/>
      <c r="O76" s="504"/>
      <c r="P76" s="504"/>
      <c r="Q76" s="504"/>
      <c r="R76" s="504"/>
      <c r="S76" s="505"/>
      <c r="T76" s="147"/>
      <c r="U76" s="81"/>
      <c r="V76" s="81"/>
      <c r="W76" s="81"/>
      <c r="X76" s="81"/>
      <c r="Y76" s="81"/>
      <c r="Z76" s="81"/>
      <c r="AA76" s="81"/>
      <c r="AB76" s="81"/>
      <c r="AC76" s="81"/>
      <c r="AD76" s="81"/>
      <c r="AE76" s="81"/>
      <c r="AF76" s="81"/>
      <c r="AG76" s="81"/>
      <c r="AH76" s="81"/>
      <c r="AI76" s="81"/>
      <c r="AJ76" s="81"/>
      <c r="AK76" s="81"/>
      <c r="AL76" s="81"/>
      <c r="AM76" s="81"/>
      <c r="AN76" s="81"/>
      <c r="AO76" s="81"/>
      <c r="AP76" s="81"/>
      <c r="AQ76" s="81"/>
      <c r="AR76" s="81"/>
      <c r="AS76" s="81"/>
      <c r="AT76" s="81"/>
      <c r="AU76" s="81"/>
      <c r="AV76" s="116"/>
      <c r="AW76" s="116"/>
      <c r="AX76" s="81"/>
      <c r="AY76" s="81"/>
      <c r="AZ76" s="81"/>
      <c r="BA76" s="27"/>
      <c r="BB76" s="27"/>
      <c r="BC76" s="27"/>
      <c r="BD76" s="27"/>
      <c r="BE76" s="27"/>
      <c r="BF76" s="27"/>
      <c r="BG76" s="27"/>
      <c r="BH76" s="27"/>
      <c r="BI76" s="503" t="s">
        <v>128</v>
      </c>
      <c r="BJ76" s="504"/>
      <c r="BK76" s="504"/>
      <c r="BL76" s="504"/>
      <c r="BM76" s="504"/>
      <c r="BN76" s="504"/>
      <c r="BO76" s="504"/>
      <c r="BP76" s="504"/>
      <c r="BQ76" s="505"/>
      <c r="BR76" s="82"/>
      <c r="BS76" s="27"/>
      <c r="BT76" s="27"/>
      <c r="BU76" s="27"/>
      <c r="BV76" s="27"/>
      <c r="BW76" s="509" t="s">
        <v>64</v>
      </c>
      <c r="BX76" s="510"/>
      <c r="BY76" s="510"/>
      <c r="BZ76" s="510"/>
      <c r="CA76" s="510"/>
      <c r="CB76" s="510"/>
      <c r="CC76" s="510"/>
      <c r="CD76" s="510"/>
      <c r="CE76" s="510"/>
      <c r="CF76" s="510"/>
      <c r="CG76" s="510"/>
      <c r="CH76" s="511"/>
      <c r="CI76" s="509" t="s">
        <v>129</v>
      </c>
      <c r="CJ76" s="510"/>
      <c r="CK76" s="510"/>
      <c r="CL76" s="510"/>
      <c r="CM76" s="510"/>
      <c r="CN76" s="511"/>
      <c r="CO76" s="98"/>
      <c r="CP76" s="98"/>
    </row>
    <row r="77" spans="1:94" ht="12" customHeight="1" x14ac:dyDescent="0.2">
      <c r="A77" s="80"/>
      <c r="B77" s="80"/>
      <c r="C77" s="80"/>
      <c r="D77" s="80"/>
      <c r="E77" s="80"/>
      <c r="F77" s="80"/>
      <c r="G77" s="80"/>
      <c r="H77" s="506"/>
      <c r="I77" s="507"/>
      <c r="J77" s="507"/>
      <c r="K77" s="507"/>
      <c r="L77" s="507"/>
      <c r="M77" s="507"/>
      <c r="N77" s="507"/>
      <c r="O77" s="507"/>
      <c r="P77" s="507"/>
      <c r="Q77" s="507"/>
      <c r="R77" s="507"/>
      <c r="S77" s="508"/>
      <c r="T77" s="147"/>
      <c r="U77" s="81"/>
      <c r="V77" s="81"/>
      <c r="W77" s="81"/>
      <c r="X77" s="81"/>
      <c r="Y77" s="81"/>
      <c r="Z77" s="81"/>
      <c r="AA77" s="81"/>
      <c r="AB77" s="81"/>
      <c r="AC77" s="81"/>
      <c r="AD77" s="81"/>
      <c r="AE77" s="81"/>
      <c r="AF77" s="81"/>
      <c r="AG77" s="81"/>
      <c r="AH77" s="81"/>
      <c r="AI77" s="81"/>
      <c r="AJ77" s="81"/>
      <c r="AK77" s="81"/>
      <c r="AL77" s="81"/>
      <c r="AM77" s="81"/>
      <c r="AN77" s="81"/>
      <c r="AO77" s="81"/>
      <c r="AP77" s="81"/>
      <c r="AQ77" s="81"/>
      <c r="AR77" s="81"/>
      <c r="AS77" s="81"/>
      <c r="AT77" s="81"/>
      <c r="AU77" s="81"/>
      <c r="AV77" s="116"/>
      <c r="AW77" s="116"/>
      <c r="AX77" s="81"/>
      <c r="AY77" s="81"/>
      <c r="AZ77" s="81"/>
      <c r="BA77" s="83"/>
      <c r="BB77" s="83"/>
      <c r="BC77" s="83"/>
      <c r="BD77" s="83"/>
      <c r="BE77" s="83"/>
      <c r="BF77" s="83"/>
      <c r="BG77" s="83"/>
      <c r="BH77" s="83"/>
      <c r="BI77" s="506"/>
      <c r="BJ77" s="507"/>
      <c r="BK77" s="507"/>
      <c r="BL77" s="507"/>
      <c r="BM77" s="507"/>
      <c r="BN77" s="507"/>
      <c r="BO77" s="507"/>
      <c r="BP77" s="507"/>
      <c r="BQ77" s="508"/>
      <c r="BR77" s="82"/>
      <c r="BS77" s="83"/>
      <c r="BT77" s="83"/>
      <c r="BU77" s="83"/>
      <c r="BV77" s="83"/>
      <c r="BW77" s="512"/>
      <c r="BX77" s="513"/>
      <c r="BY77" s="513"/>
      <c r="BZ77" s="513"/>
      <c r="CA77" s="513"/>
      <c r="CB77" s="513"/>
      <c r="CC77" s="513"/>
      <c r="CD77" s="513"/>
      <c r="CE77" s="513"/>
      <c r="CF77" s="513"/>
      <c r="CG77" s="513"/>
      <c r="CH77" s="514"/>
      <c r="CI77" s="512"/>
      <c r="CJ77" s="513"/>
      <c r="CK77" s="513"/>
      <c r="CL77" s="513"/>
      <c r="CM77" s="513"/>
      <c r="CN77" s="514"/>
      <c r="CO77" s="98"/>
      <c r="CP77" s="98"/>
    </row>
  </sheetData>
  <mergeCells count="353">
    <mergeCell ref="CF57:CH58"/>
    <mergeCell ref="CI57:CK58"/>
    <mergeCell ref="CL57:CN58"/>
    <mergeCell ref="CI55:CK56"/>
    <mergeCell ref="CL55:CN56"/>
    <mergeCell ref="BU55:BV56"/>
    <mergeCell ref="BU57:BV58"/>
    <mergeCell ref="AG52:AH54"/>
    <mergeCell ref="CD58:CE58"/>
    <mergeCell ref="AT57:AV58"/>
    <mergeCell ref="AW57:BK58"/>
    <mergeCell ref="BL57:BN58"/>
    <mergeCell ref="BO57:BP58"/>
    <mergeCell ref="BQ57:BR58"/>
    <mergeCell ref="BS57:BT58"/>
    <mergeCell ref="CI52:CK54"/>
    <mergeCell ref="CL52:CN54"/>
    <mergeCell ref="BW52:CC54"/>
    <mergeCell ref="H76:S77"/>
    <mergeCell ref="BI76:BQ77"/>
    <mergeCell ref="BW76:CH77"/>
    <mergeCell ref="CI76:CN77"/>
    <mergeCell ref="AU45:CN46"/>
    <mergeCell ref="BW73:CC74"/>
    <mergeCell ref="CD73:CE73"/>
    <mergeCell ref="CF73:CH74"/>
    <mergeCell ref="CI73:CK74"/>
    <mergeCell ref="CL73:CN74"/>
    <mergeCell ref="W74:X74"/>
    <mergeCell ref="AP74:AQ74"/>
    <mergeCell ref="CD74:CE74"/>
    <mergeCell ref="AT73:AV74"/>
    <mergeCell ref="AW73:BK74"/>
    <mergeCell ref="BL73:BN74"/>
    <mergeCell ref="BO73:BP74"/>
    <mergeCell ref="BQ73:BR74"/>
    <mergeCell ref="BS73:BT74"/>
    <mergeCell ref="AA73:AB74"/>
    <mergeCell ref="AC73:AD74"/>
    <mergeCell ref="AE73:AF74"/>
    <mergeCell ref="AI73:AO74"/>
    <mergeCell ref="AP73:AQ73"/>
    <mergeCell ref="B73:B74"/>
    <mergeCell ref="C73:K74"/>
    <mergeCell ref="L73:O74"/>
    <mergeCell ref="P73:V74"/>
    <mergeCell ref="W73:X73"/>
    <mergeCell ref="Y73:Z74"/>
    <mergeCell ref="BW71:CC72"/>
    <mergeCell ref="CD71:CE71"/>
    <mergeCell ref="CF71:CH72"/>
    <mergeCell ref="B71:B72"/>
    <mergeCell ref="C71:K72"/>
    <mergeCell ref="L71:O72"/>
    <mergeCell ref="P71:V72"/>
    <mergeCell ref="W71:X71"/>
    <mergeCell ref="Y71:Z72"/>
    <mergeCell ref="W72:X72"/>
    <mergeCell ref="AA71:AB72"/>
    <mergeCell ref="BU73:BV74"/>
    <mergeCell ref="AG71:AH72"/>
    <mergeCell ref="AG73:AH74"/>
    <mergeCell ref="AR73:AS74"/>
    <mergeCell ref="CI71:CK72"/>
    <mergeCell ref="CL71:CN72"/>
    <mergeCell ref="AC71:AD72"/>
    <mergeCell ref="AE71:AF72"/>
    <mergeCell ref="AI71:AO72"/>
    <mergeCell ref="AP71:AQ71"/>
    <mergeCell ref="CD72:CE72"/>
    <mergeCell ref="AT71:AV72"/>
    <mergeCell ref="AW71:BK72"/>
    <mergeCell ref="BL71:BN72"/>
    <mergeCell ref="BO71:BP72"/>
    <mergeCell ref="BQ71:BR72"/>
    <mergeCell ref="BS71:BT72"/>
    <mergeCell ref="BU71:BV72"/>
    <mergeCell ref="AR71:AS72"/>
    <mergeCell ref="AP72:AQ72"/>
    <mergeCell ref="CI69:CK70"/>
    <mergeCell ref="CL69:CN70"/>
    <mergeCell ref="W70:X70"/>
    <mergeCell ref="AP70:AQ70"/>
    <mergeCell ref="CD70:CE70"/>
    <mergeCell ref="AT69:AV70"/>
    <mergeCell ref="AW69:BK70"/>
    <mergeCell ref="BQ69:BR70"/>
    <mergeCell ref="BS69:BT70"/>
    <mergeCell ref="AA69:AB70"/>
    <mergeCell ref="AC69:AD70"/>
    <mergeCell ref="AE69:AF70"/>
    <mergeCell ref="AI69:AO70"/>
    <mergeCell ref="AP69:AQ69"/>
    <mergeCell ref="AR69:AS70"/>
    <mergeCell ref="BU69:BV70"/>
    <mergeCell ref="AG69:AH70"/>
    <mergeCell ref="BL69:BN70"/>
    <mergeCell ref="BO69:BP70"/>
    <mergeCell ref="B69:B70"/>
    <mergeCell ref="C69:K70"/>
    <mergeCell ref="L69:O70"/>
    <mergeCell ref="P69:V70"/>
    <mergeCell ref="W69:X69"/>
    <mergeCell ref="Y69:Z70"/>
    <mergeCell ref="BW67:CC68"/>
    <mergeCell ref="CD67:CE67"/>
    <mergeCell ref="CF67:CH68"/>
    <mergeCell ref="B67:B68"/>
    <mergeCell ref="C67:K68"/>
    <mergeCell ref="L67:O68"/>
    <mergeCell ref="P67:V68"/>
    <mergeCell ref="BW69:CC70"/>
    <mergeCell ref="CD69:CE69"/>
    <mergeCell ref="CF69:CH70"/>
    <mergeCell ref="BU67:BV68"/>
    <mergeCell ref="AG67:AH68"/>
    <mergeCell ref="CI67:CK68"/>
    <mergeCell ref="CL67:CN68"/>
    <mergeCell ref="W68:X68"/>
    <mergeCell ref="AP68:AQ68"/>
    <mergeCell ref="CD68:CE68"/>
    <mergeCell ref="AT67:AV68"/>
    <mergeCell ref="AW67:BK68"/>
    <mergeCell ref="BL67:BN68"/>
    <mergeCell ref="BO67:BP68"/>
    <mergeCell ref="BQ67:BR68"/>
    <mergeCell ref="BS67:BT68"/>
    <mergeCell ref="AA67:AB68"/>
    <mergeCell ref="AC67:AD68"/>
    <mergeCell ref="AE67:AF68"/>
    <mergeCell ref="AI67:AO68"/>
    <mergeCell ref="AP67:AQ67"/>
    <mergeCell ref="AR67:AS68"/>
    <mergeCell ref="W67:X67"/>
    <mergeCell ref="Y67:Z68"/>
    <mergeCell ref="CI65:CK66"/>
    <mergeCell ref="CL65:CN66"/>
    <mergeCell ref="W66:X66"/>
    <mergeCell ref="AP66:AQ66"/>
    <mergeCell ref="CD66:CE66"/>
    <mergeCell ref="AT65:AV66"/>
    <mergeCell ref="AW65:BK66"/>
    <mergeCell ref="BL65:BN66"/>
    <mergeCell ref="BO65:BP66"/>
    <mergeCell ref="BQ65:BR66"/>
    <mergeCell ref="BS65:BT66"/>
    <mergeCell ref="AA65:AB66"/>
    <mergeCell ref="AC65:AD66"/>
    <mergeCell ref="AE65:AF66"/>
    <mergeCell ref="AI65:AO66"/>
    <mergeCell ref="AP65:AQ65"/>
    <mergeCell ref="AR65:AS66"/>
    <mergeCell ref="BU65:BV66"/>
    <mergeCell ref="AG65:AH66"/>
    <mergeCell ref="B65:B66"/>
    <mergeCell ref="C65:K66"/>
    <mergeCell ref="L65:O66"/>
    <mergeCell ref="P65:V66"/>
    <mergeCell ref="W65:X65"/>
    <mergeCell ref="Y65:Z66"/>
    <mergeCell ref="BW63:CC64"/>
    <mergeCell ref="CD63:CE63"/>
    <mergeCell ref="CF63:CH64"/>
    <mergeCell ref="B63:B64"/>
    <mergeCell ref="C63:K64"/>
    <mergeCell ref="L63:O64"/>
    <mergeCell ref="P63:V64"/>
    <mergeCell ref="BW65:CC66"/>
    <mergeCell ref="CD65:CE65"/>
    <mergeCell ref="CF65:CH66"/>
    <mergeCell ref="BU63:BV64"/>
    <mergeCell ref="AG63:AH64"/>
    <mergeCell ref="CI63:CK64"/>
    <mergeCell ref="CL63:CN64"/>
    <mergeCell ref="W64:X64"/>
    <mergeCell ref="AP64:AQ64"/>
    <mergeCell ref="CD64:CE64"/>
    <mergeCell ref="AT63:AV64"/>
    <mergeCell ref="AW63:BK64"/>
    <mergeCell ref="BL63:BN64"/>
    <mergeCell ref="BO63:BP64"/>
    <mergeCell ref="BQ63:BR64"/>
    <mergeCell ref="BS63:BT64"/>
    <mergeCell ref="AA63:AB64"/>
    <mergeCell ref="AC63:AD64"/>
    <mergeCell ref="AE63:AF64"/>
    <mergeCell ref="AI63:AO64"/>
    <mergeCell ref="AP63:AQ63"/>
    <mergeCell ref="AR63:AS64"/>
    <mergeCell ref="W63:X63"/>
    <mergeCell ref="Y63:Z64"/>
    <mergeCell ref="CI61:CK62"/>
    <mergeCell ref="CL61:CN62"/>
    <mergeCell ref="W62:X62"/>
    <mergeCell ref="AP62:AQ62"/>
    <mergeCell ref="CD62:CE62"/>
    <mergeCell ref="AT61:AV62"/>
    <mergeCell ref="AW61:BK62"/>
    <mergeCell ref="BL61:BN62"/>
    <mergeCell ref="BO61:BP62"/>
    <mergeCell ref="BQ61:BR62"/>
    <mergeCell ref="BS61:BT62"/>
    <mergeCell ref="AA61:AB62"/>
    <mergeCell ref="AC61:AD62"/>
    <mergeCell ref="AE61:AF62"/>
    <mergeCell ref="AI61:AO62"/>
    <mergeCell ref="AP61:AQ61"/>
    <mergeCell ref="AR61:AS62"/>
    <mergeCell ref="BU61:BV62"/>
    <mergeCell ref="AG61:AH62"/>
    <mergeCell ref="L61:O62"/>
    <mergeCell ref="P61:V62"/>
    <mergeCell ref="W61:X61"/>
    <mergeCell ref="Y61:Z62"/>
    <mergeCell ref="BW59:CC60"/>
    <mergeCell ref="CD59:CE59"/>
    <mergeCell ref="CF59:CH60"/>
    <mergeCell ref="B59:B60"/>
    <mergeCell ref="C59:K60"/>
    <mergeCell ref="L59:O60"/>
    <mergeCell ref="P59:V60"/>
    <mergeCell ref="BW61:CC62"/>
    <mergeCell ref="CD61:CE61"/>
    <mergeCell ref="CF61:CH62"/>
    <mergeCell ref="BU59:BV60"/>
    <mergeCell ref="AG59:AH60"/>
    <mergeCell ref="CI59:CK60"/>
    <mergeCell ref="CL59:CN60"/>
    <mergeCell ref="W60:X60"/>
    <mergeCell ref="AP60:AQ60"/>
    <mergeCell ref="CD60:CE60"/>
    <mergeCell ref="AT59:AV60"/>
    <mergeCell ref="AW59:BK60"/>
    <mergeCell ref="BL59:BN60"/>
    <mergeCell ref="BO59:BP60"/>
    <mergeCell ref="BQ59:BR60"/>
    <mergeCell ref="BS59:BT60"/>
    <mergeCell ref="AA59:AB60"/>
    <mergeCell ref="AC59:AD60"/>
    <mergeCell ref="AE59:AF60"/>
    <mergeCell ref="AI59:AO60"/>
    <mergeCell ref="AP59:AQ59"/>
    <mergeCell ref="AR59:AS60"/>
    <mergeCell ref="W59:X59"/>
    <mergeCell ref="Y59:Z60"/>
    <mergeCell ref="AI57:AO58"/>
    <mergeCell ref="AP57:AQ57"/>
    <mergeCell ref="AR57:AS58"/>
    <mergeCell ref="CD56:CE56"/>
    <mergeCell ref="AT55:AV56"/>
    <mergeCell ref="AW55:BK56"/>
    <mergeCell ref="BQ55:BR56"/>
    <mergeCell ref="BS55:BT56"/>
    <mergeCell ref="AA55:AB56"/>
    <mergeCell ref="AC55:AD56"/>
    <mergeCell ref="AE55:AF56"/>
    <mergeCell ref="AI55:AO56"/>
    <mergeCell ref="AP55:AQ55"/>
    <mergeCell ref="AR55:AS56"/>
    <mergeCell ref="BL55:BN56"/>
    <mergeCell ref="BO55:BP56"/>
    <mergeCell ref="AP58:AQ58"/>
    <mergeCell ref="AG55:AH56"/>
    <mergeCell ref="AG57:AH58"/>
    <mergeCell ref="BW57:CC58"/>
    <mergeCell ref="CD57:CE57"/>
    <mergeCell ref="CF52:CH54"/>
    <mergeCell ref="CD53:CE54"/>
    <mergeCell ref="BW55:CC56"/>
    <mergeCell ref="CD55:CE55"/>
    <mergeCell ref="CF55:CH56"/>
    <mergeCell ref="W56:X56"/>
    <mergeCell ref="AP56:AQ56"/>
    <mergeCell ref="B43:W47"/>
    <mergeCell ref="AB48:AP50"/>
    <mergeCell ref="W53:X54"/>
    <mergeCell ref="AA53:AB54"/>
    <mergeCell ref="AC53:AD54"/>
    <mergeCell ref="AE53:AF54"/>
    <mergeCell ref="AP53:AQ54"/>
    <mergeCell ref="BO53:BP54"/>
    <mergeCell ref="BQ53:BR54"/>
    <mergeCell ref="BS53:BT54"/>
    <mergeCell ref="AT52:AV54"/>
    <mergeCell ref="AW52:BK54"/>
    <mergeCell ref="BL52:BN54"/>
    <mergeCell ref="BO52:BT52"/>
    <mergeCell ref="BY50:CM50"/>
    <mergeCell ref="BU52:BV54"/>
    <mergeCell ref="A52:A74"/>
    <mergeCell ref="C52:K54"/>
    <mergeCell ref="L52:O54"/>
    <mergeCell ref="P52:V54"/>
    <mergeCell ref="AA52:AF52"/>
    <mergeCell ref="AI52:AO54"/>
    <mergeCell ref="B55:B56"/>
    <mergeCell ref="C55:K56"/>
    <mergeCell ref="W55:X55"/>
    <mergeCell ref="Y55:Z56"/>
    <mergeCell ref="B57:B58"/>
    <mergeCell ref="C57:K58"/>
    <mergeCell ref="L57:O58"/>
    <mergeCell ref="P57:V58"/>
    <mergeCell ref="W57:X57"/>
    <mergeCell ref="Y57:Z58"/>
    <mergeCell ref="L55:O56"/>
    <mergeCell ref="P55:V56"/>
    <mergeCell ref="W58:X58"/>
    <mergeCell ref="B61:B62"/>
    <mergeCell ref="C61:K62"/>
    <mergeCell ref="AA57:AB58"/>
    <mergeCell ref="AC57:AD58"/>
    <mergeCell ref="AE57:AF58"/>
    <mergeCell ref="I26:L26"/>
    <mergeCell ref="S26:V26"/>
    <mergeCell ref="B18:W20"/>
    <mergeCell ref="I30:L30"/>
    <mergeCell ref="S30:V30"/>
    <mergeCell ref="I31:L31"/>
    <mergeCell ref="S31:V31"/>
    <mergeCell ref="AA27:AQ28"/>
    <mergeCell ref="AU36:CN37"/>
    <mergeCell ref="C34:V42"/>
    <mergeCell ref="AU41:CN42"/>
    <mergeCell ref="AB30:AQ33"/>
    <mergeCell ref="AJ39:AP39"/>
    <mergeCell ref="I27:L27"/>
    <mergeCell ref="S27:V27"/>
    <mergeCell ref="I28:L28"/>
    <mergeCell ref="S28:V28"/>
    <mergeCell ref="I29:L29"/>
    <mergeCell ref="S29:V29"/>
    <mergeCell ref="BG26:CK26"/>
    <mergeCell ref="AB42:AQ44"/>
    <mergeCell ref="AA8:AQ12"/>
    <mergeCell ref="AU17:CN18"/>
    <mergeCell ref="B21:W22"/>
    <mergeCell ref="C23:H23"/>
    <mergeCell ref="I23:L23"/>
    <mergeCell ref="M23:R23"/>
    <mergeCell ref="S23:V23"/>
    <mergeCell ref="A1:AI2"/>
    <mergeCell ref="AT2:CN3"/>
    <mergeCell ref="A3:X4"/>
    <mergeCell ref="B6:W7"/>
    <mergeCell ref="BZ12:CK12"/>
    <mergeCell ref="B14:W15"/>
    <mergeCell ref="AA22:AQ25"/>
    <mergeCell ref="I24:L24"/>
    <mergeCell ref="S24:V24"/>
    <mergeCell ref="AU21:CN22"/>
    <mergeCell ref="I25:L25"/>
    <mergeCell ref="S25:V25"/>
  </mergeCells>
  <phoneticPr fontId="1"/>
  <pageMargins left="0.39370078740157483" right="0" top="0.39370078740157483" bottom="0" header="0.51181102362204722" footer="0.51181102362204722"/>
  <pageSetup paperSize="8" scale="94" orientation="landscape"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S78"/>
  <sheetViews>
    <sheetView view="pageBreakPreview" zoomScaleNormal="100" zoomScaleSheetLayoutView="100" workbookViewId="0"/>
  </sheetViews>
  <sheetFormatPr defaultRowHeight="13.2" x14ac:dyDescent="0.2"/>
  <cols>
    <col min="1" max="1" width="3.109375" style="2" customWidth="1"/>
    <col min="2" max="24" width="2.33203125" style="2" customWidth="1"/>
    <col min="25" max="25" width="1.44140625" style="2" customWidth="1"/>
    <col min="26" max="26" width="2.21875" style="2" customWidth="1"/>
    <col min="27" max="43" width="2.33203125" style="2" customWidth="1"/>
    <col min="44" max="44" width="2.21875" style="2" customWidth="1"/>
    <col min="45" max="45" width="1.6640625" style="2" customWidth="1"/>
    <col min="46" max="48" width="2.33203125" style="2" customWidth="1"/>
    <col min="49" max="63" width="2.21875" style="2" customWidth="1"/>
    <col min="64" max="81" width="2.33203125" style="2" customWidth="1"/>
    <col min="82" max="83" width="1.88671875" style="2" customWidth="1"/>
    <col min="84" max="86" width="2.21875" style="2" customWidth="1"/>
    <col min="87" max="89" width="3.6640625" style="2" customWidth="1"/>
    <col min="90" max="90" width="2.21875" style="2" customWidth="1"/>
    <col min="91" max="93" width="2.109375" style="2" customWidth="1"/>
    <col min="94" max="94" width="4.21875" customWidth="1"/>
  </cols>
  <sheetData>
    <row r="1" spans="1:93" ht="20.100000000000001" customHeight="1" x14ac:dyDescent="0.2">
      <c r="A1" s="19"/>
      <c r="B1" s="19"/>
      <c r="C1" s="19"/>
      <c r="D1" s="170"/>
      <c r="E1" s="171"/>
      <c r="F1" s="546"/>
      <c r="G1" s="546"/>
      <c r="H1" s="546"/>
      <c r="I1" s="546"/>
      <c r="J1" s="546"/>
      <c r="K1" s="546"/>
      <c r="L1" s="546"/>
      <c r="M1" s="546"/>
      <c r="N1" s="546"/>
      <c r="O1" s="546"/>
      <c r="P1" s="163"/>
      <c r="CI1" s="592" t="s">
        <v>92</v>
      </c>
      <c r="CJ1" s="592"/>
      <c r="CK1" s="592"/>
      <c r="CL1" s="592"/>
      <c r="CM1" s="592"/>
      <c r="CN1" s="592"/>
    </row>
    <row r="2" spans="1:93" s="100" customFormat="1" ht="5.25" customHeight="1" thickBot="1" x14ac:dyDescent="0.25">
      <c r="A2" s="71"/>
      <c r="B2" s="70"/>
      <c r="C2" s="70"/>
      <c r="D2" s="71"/>
      <c r="E2" s="71"/>
      <c r="F2" s="71"/>
      <c r="G2" s="71"/>
      <c r="H2" s="71"/>
      <c r="I2" s="71"/>
      <c r="J2" s="71"/>
      <c r="K2" s="71"/>
      <c r="L2" s="71"/>
      <c r="M2" s="71"/>
      <c r="N2" s="71"/>
      <c r="O2" s="71"/>
      <c r="P2" s="71"/>
      <c r="Q2" s="71"/>
      <c r="R2" s="71"/>
      <c r="S2" s="71"/>
      <c r="T2" s="71"/>
      <c r="U2" s="71"/>
      <c r="V2" s="71"/>
      <c r="W2" s="71"/>
      <c r="X2" s="71"/>
      <c r="Y2" s="35"/>
      <c r="Z2" s="35"/>
      <c r="AA2" s="71"/>
      <c r="AB2" s="71"/>
      <c r="AC2" s="71"/>
      <c r="AD2" s="71"/>
      <c r="AE2" s="71"/>
      <c r="AF2" s="71"/>
      <c r="AG2" s="71"/>
      <c r="AH2" s="71"/>
      <c r="AI2" s="71"/>
      <c r="AJ2" s="71"/>
      <c r="AK2" s="71"/>
      <c r="AL2" s="71"/>
      <c r="AM2" s="71"/>
      <c r="AN2" s="71"/>
      <c r="AO2" s="71"/>
      <c r="AP2" s="71"/>
      <c r="AQ2" s="71"/>
      <c r="AR2" s="35"/>
      <c r="AS2" s="35"/>
      <c r="AT2" s="97"/>
      <c r="AU2" s="97"/>
      <c r="AV2" s="97"/>
      <c r="AW2" s="71"/>
      <c r="AX2" s="71"/>
      <c r="AY2" s="71"/>
      <c r="AZ2" s="71"/>
      <c r="BA2" s="71"/>
      <c r="BB2" s="71"/>
      <c r="BC2" s="71"/>
      <c r="BD2" s="71"/>
      <c r="BE2" s="71"/>
      <c r="BF2" s="71"/>
      <c r="BG2" s="71"/>
      <c r="BH2" s="71"/>
      <c r="BI2" s="71"/>
      <c r="BJ2" s="71"/>
      <c r="BK2" s="71"/>
      <c r="BL2" s="71"/>
      <c r="BM2" s="71"/>
      <c r="BN2" s="71"/>
      <c r="BO2" s="71"/>
      <c r="BP2" s="71"/>
      <c r="BQ2" s="71"/>
      <c r="BR2" s="71"/>
      <c r="BS2" s="71"/>
      <c r="BT2" s="71"/>
      <c r="BU2" s="71"/>
      <c r="BV2" s="71"/>
      <c r="BW2" s="71"/>
      <c r="BX2" s="71"/>
      <c r="BY2" s="71"/>
      <c r="BZ2" s="71"/>
      <c r="CA2" s="71"/>
      <c r="CB2" s="71"/>
      <c r="CC2" s="71"/>
      <c r="CD2" s="71"/>
      <c r="CE2" s="71"/>
      <c r="CF2" s="71"/>
      <c r="CG2" s="71"/>
      <c r="CH2" s="71"/>
      <c r="CI2" s="71"/>
      <c r="CJ2" s="71"/>
      <c r="CK2" s="71"/>
      <c r="CL2" s="71"/>
      <c r="CM2" s="71"/>
      <c r="CN2" s="71"/>
      <c r="CO2" s="35"/>
    </row>
    <row r="3" spans="1:93" ht="12" customHeight="1" x14ac:dyDescent="0.2">
      <c r="A3" s="409" t="s">
        <v>49</v>
      </c>
      <c r="B3" s="73"/>
      <c r="C3" s="412" t="s">
        <v>50</v>
      </c>
      <c r="D3" s="413"/>
      <c r="E3" s="413"/>
      <c r="F3" s="413"/>
      <c r="G3" s="413"/>
      <c r="H3" s="413"/>
      <c r="I3" s="413"/>
      <c r="J3" s="413"/>
      <c r="K3" s="414"/>
      <c r="L3" s="419" t="s">
        <v>15</v>
      </c>
      <c r="M3" s="420"/>
      <c r="N3" s="420"/>
      <c r="O3" s="421"/>
      <c r="P3" s="412" t="s">
        <v>51</v>
      </c>
      <c r="Q3" s="428"/>
      <c r="R3" s="428"/>
      <c r="S3" s="428"/>
      <c r="T3" s="428"/>
      <c r="U3" s="428"/>
      <c r="V3" s="428"/>
      <c r="W3" s="117"/>
      <c r="X3" s="118"/>
      <c r="Y3" s="74"/>
      <c r="Z3" s="74"/>
      <c r="AA3" s="433" t="s">
        <v>52</v>
      </c>
      <c r="AB3" s="434"/>
      <c r="AC3" s="434"/>
      <c r="AD3" s="434"/>
      <c r="AE3" s="434"/>
      <c r="AF3" s="435"/>
      <c r="AG3" s="473" t="s">
        <v>187</v>
      </c>
      <c r="AH3" s="451"/>
      <c r="AI3" s="412" t="s">
        <v>189</v>
      </c>
      <c r="AJ3" s="428"/>
      <c r="AK3" s="428"/>
      <c r="AL3" s="428"/>
      <c r="AM3" s="428"/>
      <c r="AN3" s="428"/>
      <c r="AO3" s="428"/>
      <c r="AP3" s="117"/>
      <c r="AQ3" s="118"/>
      <c r="AR3" s="74"/>
      <c r="AS3" s="74"/>
      <c r="AT3" s="470" t="s">
        <v>197</v>
      </c>
      <c r="AU3" s="450"/>
      <c r="AV3" s="451"/>
      <c r="AW3" s="473" t="s">
        <v>198</v>
      </c>
      <c r="AX3" s="450"/>
      <c r="AY3" s="450"/>
      <c r="AZ3" s="450"/>
      <c r="BA3" s="450"/>
      <c r="BB3" s="450"/>
      <c r="BC3" s="450"/>
      <c r="BD3" s="450"/>
      <c r="BE3" s="450"/>
      <c r="BF3" s="450"/>
      <c r="BG3" s="450"/>
      <c r="BH3" s="450"/>
      <c r="BI3" s="450"/>
      <c r="BJ3" s="450"/>
      <c r="BK3" s="451"/>
      <c r="BL3" s="473" t="s">
        <v>199</v>
      </c>
      <c r="BM3" s="428"/>
      <c r="BN3" s="476"/>
      <c r="BO3" s="477" t="s">
        <v>200</v>
      </c>
      <c r="BP3" s="434"/>
      <c r="BQ3" s="434"/>
      <c r="BR3" s="434"/>
      <c r="BS3" s="434"/>
      <c r="BT3" s="435"/>
      <c r="BU3" s="473" t="s">
        <v>201</v>
      </c>
      <c r="BV3" s="451"/>
      <c r="BW3" s="412" t="s">
        <v>206</v>
      </c>
      <c r="BX3" s="428"/>
      <c r="BY3" s="428"/>
      <c r="BZ3" s="428"/>
      <c r="CA3" s="428"/>
      <c r="CB3" s="428"/>
      <c r="CC3" s="428"/>
      <c r="CD3" s="117"/>
      <c r="CE3" s="119"/>
      <c r="CF3" s="450" t="s">
        <v>207</v>
      </c>
      <c r="CG3" s="450"/>
      <c r="CH3" s="451"/>
      <c r="CI3" s="473" t="s">
        <v>208</v>
      </c>
      <c r="CJ3" s="450"/>
      <c r="CK3" s="451"/>
      <c r="CL3" s="530" t="s">
        <v>209</v>
      </c>
      <c r="CM3" s="530"/>
      <c r="CN3" s="531"/>
      <c r="CO3" s="102"/>
    </row>
    <row r="4" spans="1:93" ht="12" customHeight="1" x14ac:dyDescent="0.2">
      <c r="A4" s="410"/>
      <c r="B4" s="75" t="s">
        <v>53</v>
      </c>
      <c r="C4" s="340"/>
      <c r="D4" s="415"/>
      <c r="E4" s="415"/>
      <c r="F4" s="415"/>
      <c r="G4" s="415"/>
      <c r="H4" s="415"/>
      <c r="I4" s="415"/>
      <c r="J4" s="415"/>
      <c r="K4" s="330"/>
      <c r="L4" s="422"/>
      <c r="M4" s="423"/>
      <c r="N4" s="423"/>
      <c r="O4" s="424"/>
      <c r="P4" s="429"/>
      <c r="Q4" s="430"/>
      <c r="R4" s="430"/>
      <c r="S4" s="430"/>
      <c r="T4" s="430"/>
      <c r="U4" s="430"/>
      <c r="V4" s="430"/>
      <c r="W4" s="456" t="s">
        <v>54</v>
      </c>
      <c r="X4" s="460"/>
      <c r="Y4" s="19"/>
      <c r="Z4" s="19"/>
      <c r="AA4" s="462" t="s">
        <v>55</v>
      </c>
      <c r="AB4" s="463"/>
      <c r="AC4" s="465" t="s">
        <v>56</v>
      </c>
      <c r="AD4" s="466"/>
      <c r="AE4" s="468" t="s">
        <v>57</v>
      </c>
      <c r="AF4" s="469"/>
      <c r="AG4" s="474"/>
      <c r="AH4" s="453"/>
      <c r="AI4" s="429"/>
      <c r="AJ4" s="430"/>
      <c r="AK4" s="430"/>
      <c r="AL4" s="430"/>
      <c r="AM4" s="430"/>
      <c r="AN4" s="430"/>
      <c r="AO4" s="430"/>
      <c r="AP4" s="456" t="s">
        <v>54</v>
      </c>
      <c r="AQ4" s="460"/>
      <c r="AR4" s="19"/>
      <c r="AS4" s="19"/>
      <c r="AT4" s="471"/>
      <c r="AU4" s="452"/>
      <c r="AV4" s="453"/>
      <c r="AW4" s="474"/>
      <c r="AX4" s="452"/>
      <c r="AY4" s="452"/>
      <c r="AZ4" s="452"/>
      <c r="BA4" s="452"/>
      <c r="BB4" s="452"/>
      <c r="BC4" s="452"/>
      <c r="BD4" s="452"/>
      <c r="BE4" s="452"/>
      <c r="BF4" s="452"/>
      <c r="BG4" s="452"/>
      <c r="BH4" s="452"/>
      <c r="BI4" s="452"/>
      <c r="BJ4" s="452"/>
      <c r="BK4" s="453"/>
      <c r="BL4" s="429"/>
      <c r="BM4" s="430"/>
      <c r="BN4" s="457"/>
      <c r="BO4" s="468" t="s">
        <v>55</v>
      </c>
      <c r="BP4" s="463"/>
      <c r="BQ4" s="465" t="s">
        <v>56</v>
      </c>
      <c r="BR4" s="466"/>
      <c r="BS4" s="468" t="s">
        <v>57</v>
      </c>
      <c r="BT4" s="469"/>
      <c r="BU4" s="474"/>
      <c r="BV4" s="453"/>
      <c r="BW4" s="429"/>
      <c r="BX4" s="430"/>
      <c r="BY4" s="430"/>
      <c r="BZ4" s="430"/>
      <c r="CA4" s="430"/>
      <c r="CB4" s="430"/>
      <c r="CC4" s="430"/>
      <c r="CD4" s="456" t="s">
        <v>54</v>
      </c>
      <c r="CE4" s="457"/>
      <c r="CF4" s="452"/>
      <c r="CG4" s="452"/>
      <c r="CH4" s="453"/>
      <c r="CI4" s="474"/>
      <c r="CJ4" s="452"/>
      <c r="CK4" s="453"/>
      <c r="CL4" s="532"/>
      <c r="CM4" s="532"/>
      <c r="CN4" s="533"/>
      <c r="CO4" s="102"/>
    </row>
    <row r="5" spans="1:93" ht="12" customHeight="1" x14ac:dyDescent="0.2">
      <c r="A5" s="410"/>
      <c r="B5" s="76"/>
      <c r="C5" s="416"/>
      <c r="D5" s="417"/>
      <c r="E5" s="417"/>
      <c r="F5" s="417"/>
      <c r="G5" s="417"/>
      <c r="H5" s="417"/>
      <c r="I5" s="417"/>
      <c r="J5" s="417"/>
      <c r="K5" s="418"/>
      <c r="L5" s="425"/>
      <c r="M5" s="426"/>
      <c r="N5" s="426"/>
      <c r="O5" s="427"/>
      <c r="P5" s="431"/>
      <c r="Q5" s="432"/>
      <c r="R5" s="432"/>
      <c r="S5" s="432"/>
      <c r="T5" s="432"/>
      <c r="U5" s="432"/>
      <c r="V5" s="432"/>
      <c r="W5" s="458"/>
      <c r="X5" s="461"/>
      <c r="Y5" s="19"/>
      <c r="Z5" s="19"/>
      <c r="AA5" s="464"/>
      <c r="AB5" s="432"/>
      <c r="AC5" s="458"/>
      <c r="AD5" s="467"/>
      <c r="AE5" s="432"/>
      <c r="AF5" s="459"/>
      <c r="AG5" s="475"/>
      <c r="AH5" s="455"/>
      <c r="AI5" s="431"/>
      <c r="AJ5" s="432"/>
      <c r="AK5" s="432"/>
      <c r="AL5" s="432"/>
      <c r="AM5" s="432"/>
      <c r="AN5" s="432"/>
      <c r="AO5" s="432"/>
      <c r="AP5" s="458"/>
      <c r="AQ5" s="461"/>
      <c r="AR5" s="19"/>
      <c r="AS5" s="19"/>
      <c r="AT5" s="472"/>
      <c r="AU5" s="454"/>
      <c r="AV5" s="455"/>
      <c r="AW5" s="475"/>
      <c r="AX5" s="454"/>
      <c r="AY5" s="454"/>
      <c r="AZ5" s="454"/>
      <c r="BA5" s="454"/>
      <c r="BB5" s="454"/>
      <c r="BC5" s="454"/>
      <c r="BD5" s="454"/>
      <c r="BE5" s="454"/>
      <c r="BF5" s="454"/>
      <c r="BG5" s="454"/>
      <c r="BH5" s="454"/>
      <c r="BI5" s="454"/>
      <c r="BJ5" s="454"/>
      <c r="BK5" s="455"/>
      <c r="BL5" s="431"/>
      <c r="BM5" s="432"/>
      <c r="BN5" s="459"/>
      <c r="BO5" s="432"/>
      <c r="BP5" s="432"/>
      <c r="BQ5" s="458"/>
      <c r="BR5" s="467"/>
      <c r="BS5" s="432"/>
      <c r="BT5" s="459"/>
      <c r="BU5" s="475"/>
      <c r="BV5" s="455"/>
      <c r="BW5" s="431"/>
      <c r="BX5" s="432"/>
      <c r="BY5" s="432"/>
      <c r="BZ5" s="432"/>
      <c r="CA5" s="432"/>
      <c r="CB5" s="432"/>
      <c r="CC5" s="432"/>
      <c r="CD5" s="458"/>
      <c r="CE5" s="459"/>
      <c r="CF5" s="454"/>
      <c r="CG5" s="454"/>
      <c r="CH5" s="455"/>
      <c r="CI5" s="475"/>
      <c r="CJ5" s="454"/>
      <c r="CK5" s="455"/>
      <c r="CL5" s="534"/>
      <c r="CM5" s="534"/>
      <c r="CN5" s="535"/>
      <c r="CO5" s="102"/>
    </row>
    <row r="6" spans="1:93" ht="12" customHeight="1" x14ac:dyDescent="0.2">
      <c r="A6" s="410"/>
      <c r="B6" s="234">
        <v>11</v>
      </c>
      <c r="C6" s="436"/>
      <c r="D6" s="292"/>
      <c r="E6" s="292"/>
      <c r="F6" s="292"/>
      <c r="G6" s="292"/>
      <c r="H6" s="292"/>
      <c r="I6" s="292"/>
      <c r="J6" s="292"/>
      <c r="K6" s="352"/>
      <c r="L6" s="440"/>
      <c r="M6" s="441"/>
      <c r="N6" s="441"/>
      <c r="O6" s="442"/>
      <c r="P6" s="436"/>
      <c r="Q6" s="292"/>
      <c r="R6" s="292"/>
      <c r="S6" s="292"/>
      <c r="T6" s="292"/>
      <c r="U6" s="292"/>
      <c r="V6" s="446"/>
      <c r="W6" s="437" t="s">
        <v>58</v>
      </c>
      <c r="X6" s="438"/>
      <c r="Y6" s="439" t="s">
        <v>59</v>
      </c>
      <c r="Z6" s="439"/>
      <c r="AA6" s="580"/>
      <c r="AB6" s="573"/>
      <c r="AC6" s="536"/>
      <c r="AD6" s="562"/>
      <c r="AE6" s="536"/>
      <c r="AF6" s="537"/>
      <c r="AG6" s="536"/>
      <c r="AH6" s="537"/>
      <c r="AI6" s="576"/>
      <c r="AJ6" s="577"/>
      <c r="AK6" s="577"/>
      <c r="AL6" s="577"/>
      <c r="AM6" s="577"/>
      <c r="AN6" s="577"/>
      <c r="AO6" s="573"/>
      <c r="AP6" s="437" t="s">
        <v>58</v>
      </c>
      <c r="AQ6" s="438"/>
      <c r="AR6" s="439" t="s">
        <v>59</v>
      </c>
      <c r="AS6" s="439"/>
      <c r="AT6" s="478"/>
      <c r="AU6" s="292"/>
      <c r="AV6" s="352"/>
      <c r="AW6" s="436"/>
      <c r="AX6" s="292"/>
      <c r="AY6" s="292"/>
      <c r="AZ6" s="292"/>
      <c r="BA6" s="292"/>
      <c r="BB6" s="292"/>
      <c r="BC6" s="292"/>
      <c r="BD6" s="292"/>
      <c r="BE6" s="292"/>
      <c r="BF6" s="292"/>
      <c r="BG6" s="292"/>
      <c r="BH6" s="292"/>
      <c r="BI6" s="292"/>
      <c r="BJ6" s="292"/>
      <c r="BK6" s="352"/>
      <c r="BL6" s="486"/>
      <c r="BM6" s="486"/>
      <c r="BN6" s="486"/>
      <c r="BO6" s="436"/>
      <c r="BP6" s="446"/>
      <c r="BQ6" s="542"/>
      <c r="BR6" s="554"/>
      <c r="BS6" s="542"/>
      <c r="BT6" s="543"/>
      <c r="BU6" s="542"/>
      <c r="BV6" s="543"/>
      <c r="BW6" s="436"/>
      <c r="BX6" s="292"/>
      <c r="BY6" s="292"/>
      <c r="BZ6" s="292"/>
      <c r="CA6" s="292"/>
      <c r="CB6" s="292"/>
      <c r="CC6" s="446"/>
      <c r="CD6" s="437" t="s">
        <v>58</v>
      </c>
      <c r="CE6" s="234"/>
      <c r="CF6" s="233" t="s">
        <v>183</v>
      </c>
      <c r="CG6" s="233"/>
      <c r="CH6" s="234"/>
      <c r="CI6" s="486"/>
      <c r="CJ6" s="486"/>
      <c r="CK6" s="486"/>
      <c r="CL6" s="548"/>
      <c r="CM6" s="549"/>
      <c r="CN6" s="550"/>
    </row>
    <row r="7" spans="1:93" ht="12" customHeight="1" x14ac:dyDescent="0.2">
      <c r="A7" s="410"/>
      <c r="B7" s="206"/>
      <c r="C7" s="296"/>
      <c r="D7" s="297"/>
      <c r="E7" s="297"/>
      <c r="F7" s="297"/>
      <c r="G7" s="297"/>
      <c r="H7" s="297"/>
      <c r="I7" s="297"/>
      <c r="J7" s="297"/>
      <c r="K7" s="353"/>
      <c r="L7" s="443"/>
      <c r="M7" s="444"/>
      <c r="N7" s="444"/>
      <c r="O7" s="445"/>
      <c r="P7" s="296"/>
      <c r="Q7" s="297"/>
      <c r="R7" s="297"/>
      <c r="S7" s="297"/>
      <c r="T7" s="297"/>
      <c r="U7" s="297"/>
      <c r="V7" s="447"/>
      <c r="W7" s="448" t="s">
        <v>60</v>
      </c>
      <c r="X7" s="449"/>
      <c r="Y7" s="439"/>
      <c r="Z7" s="439"/>
      <c r="AA7" s="574"/>
      <c r="AB7" s="575"/>
      <c r="AC7" s="538"/>
      <c r="AD7" s="564"/>
      <c r="AE7" s="538"/>
      <c r="AF7" s="539"/>
      <c r="AG7" s="538"/>
      <c r="AH7" s="539"/>
      <c r="AI7" s="578"/>
      <c r="AJ7" s="579"/>
      <c r="AK7" s="579"/>
      <c r="AL7" s="579"/>
      <c r="AM7" s="579"/>
      <c r="AN7" s="579"/>
      <c r="AO7" s="575"/>
      <c r="AP7" s="448" t="s">
        <v>60</v>
      </c>
      <c r="AQ7" s="449"/>
      <c r="AR7" s="439"/>
      <c r="AS7" s="439"/>
      <c r="AT7" s="479"/>
      <c r="AU7" s="297"/>
      <c r="AV7" s="353"/>
      <c r="AW7" s="296"/>
      <c r="AX7" s="297"/>
      <c r="AY7" s="297"/>
      <c r="AZ7" s="297"/>
      <c r="BA7" s="297"/>
      <c r="BB7" s="297"/>
      <c r="BC7" s="297"/>
      <c r="BD7" s="297"/>
      <c r="BE7" s="297"/>
      <c r="BF7" s="297"/>
      <c r="BG7" s="297"/>
      <c r="BH7" s="297"/>
      <c r="BI7" s="297"/>
      <c r="BJ7" s="297"/>
      <c r="BK7" s="353"/>
      <c r="BL7" s="486"/>
      <c r="BM7" s="486"/>
      <c r="BN7" s="486"/>
      <c r="BO7" s="296"/>
      <c r="BP7" s="447"/>
      <c r="BQ7" s="544"/>
      <c r="BR7" s="555"/>
      <c r="BS7" s="544"/>
      <c r="BT7" s="545"/>
      <c r="BU7" s="544"/>
      <c r="BV7" s="545"/>
      <c r="BW7" s="296"/>
      <c r="BX7" s="297"/>
      <c r="BY7" s="297"/>
      <c r="BZ7" s="297"/>
      <c r="CA7" s="297"/>
      <c r="CB7" s="297"/>
      <c r="CC7" s="447"/>
      <c r="CD7" s="448" t="s">
        <v>60</v>
      </c>
      <c r="CE7" s="206"/>
      <c r="CF7" s="205"/>
      <c r="CG7" s="205"/>
      <c r="CH7" s="206"/>
      <c r="CI7" s="486"/>
      <c r="CJ7" s="486"/>
      <c r="CK7" s="486"/>
      <c r="CL7" s="551"/>
      <c r="CM7" s="552"/>
      <c r="CN7" s="553"/>
    </row>
    <row r="8" spans="1:93" ht="12" customHeight="1" x14ac:dyDescent="0.2">
      <c r="A8" s="410"/>
      <c r="B8" s="234">
        <f>B6+1</f>
        <v>12</v>
      </c>
      <c r="C8" s="436"/>
      <c r="D8" s="292"/>
      <c r="E8" s="292"/>
      <c r="F8" s="292"/>
      <c r="G8" s="292"/>
      <c r="H8" s="292"/>
      <c r="I8" s="292"/>
      <c r="J8" s="292"/>
      <c r="K8" s="352"/>
      <c r="L8" s="440"/>
      <c r="M8" s="441"/>
      <c r="N8" s="441"/>
      <c r="O8" s="442"/>
      <c r="P8" s="436"/>
      <c r="Q8" s="292"/>
      <c r="R8" s="292"/>
      <c r="S8" s="292"/>
      <c r="T8" s="292"/>
      <c r="U8" s="292"/>
      <c r="V8" s="446"/>
      <c r="W8" s="437" t="s">
        <v>58</v>
      </c>
      <c r="X8" s="438"/>
      <c r="Y8" s="439" t="s">
        <v>59</v>
      </c>
      <c r="Z8" s="439"/>
      <c r="AA8" s="580"/>
      <c r="AB8" s="573"/>
      <c r="AC8" s="536"/>
      <c r="AD8" s="562"/>
      <c r="AE8" s="536"/>
      <c r="AF8" s="537"/>
      <c r="AG8" s="536"/>
      <c r="AH8" s="537"/>
      <c r="AI8" s="576"/>
      <c r="AJ8" s="577"/>
      <c r="AK8" s="577"/>
      <c r="AL8" s="577"/>
      <c r="AM8" s="577"/>
      <c r="AN8" s="577"/>
      <c r="AO8" s="573"/>
      <c r="AP8" s="437" t="s">
        <v>58</v>
      </c>
      <c r="AQ8" s="438"/>
      <c r="AR8" s="439" t="s">
        <v>59</v>
      </c>
      <c r="AS8" s="439"/>
      <c r="AT8" s="556"/>
      <c r="AU8" s="549"/>
      <c r="AV8" s="543"/>
      <c r="AW8" s="548"/>
      <c r="AX8" s="549"/>
      <c r="AY8" s="549"/>
      <c r="AZ8" s="549"/>
      <c r="BA8" s="549"/>
      <c r="BB8" s="549"/>
      <c r="BC8" s="549"/>
      <c r="BD8" s="549"/>
      <c r="BE8" s="549"/>
      <c r="BF8" s="549"/>
      <c r="BG8" s="549"/>
      <c r="BH8" s="549"/>
      <c r="BI8" s="549"/>
      <c r="BJ8" s="549"/>
      <c r="BK8" s="543"/>
      <c r="BL8" s="548"/>
      <c r="BM8" s="549"/>
      <c r="BN8" s="543"/>
      <c r="BO8" s="548"/>
      <c r="BP8" s="554"/>
      <c r="BQ8" s="542"/>
      <c r="BR8" s="554"/>
      <c r="BS8" s="542"/>
      <c r="BT8" s="543"/>
      <c r="BU8" s="542"/>
      <c r="BV8" s="543"/>
      <c r="BW8" s="548"/>
      <c r="BX8" s="549"/>
      <c r="BY8" s="549"/>
      <c r="BZ8" s="549"/>
      <c r="CA8" s="549"/>
      <c r="CB8" s="549"/>
      <c r="CC8" s="554"/>
      <c r="CD8" s="437" t="s">
        <v>58</v>
      </c>
      <c r="CE8" s="234"/>
      <c r="CF8" s="233" t="s">
        <v>183</v>
      </c>
      <c r="CG8" s="233"/>
      <c r="CH8" s="234"/>
      <c r="CI8" s="547"/>
      <c r="CJ8" s="302"/>
      <c r="CK8" s="303"/>
      <c r="CL8" s="548"/>
      <c r="CM8" s="549"/>
      <c r="CN8" s="550"/>
    </row>
    <row r="9" spans="1:93" ht="12" customHeight="1" x14ac:dyDescent="0.2">
      <c r="A9" s="410"/>
      <c r="B9" s="206"/>
      <c r="C9" s="296"/>
      <c r="D9" s="297"/>
      <c r="E9" s="297"/>
      <c r="F9" s="297"/>
      <c r="G9" s="297"/>
      <c r="H9" s="297"/>
      <c r="I9" s="297"/>
      <c r="J9" s="297"/>
      <c r="K9" s="353"/>
      <c r="L9" s="443"/>
      <c r="M9" s="444"/>
      <c r="N9" s="444"/>
      <c r="O9" s="445"/>
      <c r="P9" s="296"/>
      <c r="Q9" s="297"/>
      <c r="R9" s="297"/>
      <c r="S9" s="297"/>
      <c r="T9" s="297"/>
      <c r="U9" s="297"/>
      <c r="V9" s="447"/>
      <c r="W9" s="448" t="s">
        <v>60</v>
      </c>
      <c r="X9" s="449"/>
      <c r="Y9" s="439"/>
      <c r="Z9" s="439"/>
      <c r="AA9" s="574"/>
      <c r="AB9" s="575"/>
      <c r="AC9" s="538"/>
      <c r="AD9" s="564"/>
      <c r="AE9" s="538"/>
      <c r="AF9" s="539"/>
      <c r="AG9" s="538"/>
      <c r="AH9" s="539"/>
      <c r="AI9" s="578"/>
      <c r="AJ9" s="579"/>
      <c r="AK9" s="579"/>
      <c r="AL9" s="579"/>
      <c r="AM9" s="579"/>
      <c r="AN9" s="579"/>
      <c r="AO9" s="575"/>
      <c r="AP9" s="448" t="s">
        <v>60</v>
      </c>
      <c r="AQ9" s="449"/>
      <c r="AR9" s="439"/>
      <c r="AS9" s="439"/>
      <c r="AT9" s="557"/>
      <c r="AU9" s="552"/>
      <c r="AV9" s="545"/>
      <c r="AW9" s="551"/>
      <c r="AX9" s="552"/>
      <c r="AY9" s="552"/>
      <c r="AZ9" s="552"/>
      <c r="BA9" s="552"/>
      <c r="BB9" s="552"/>
      <c r="BC9" s="552"/>
      <c r="BD9" s="552"/>
      <c r="BE9" s="552"/>
      <c r="BF9" s="552"/>
      <c r="BG9" s="552"/>
      <c r="BH9" s="552"/>
      <c r="BI9" s="552"/>
      <c r="BJ9" s="552"/>
      <c r="BK9" s="545"/>
      <c r="BL9" s="551"/>
      <c r="BM9" s="552"/>
      <c r="BN9" s="545"/>
      <c r="BO9" s="551"/>
      <c r="BP9" s="555"/>
      <c r="BQ9" s="544"/>
      <c r="BR9" s="555"/>
      <c r="BS9" s="544"/>
      <c r="BT9" s="545"/>
      <c r="BU9" s="544"/>
      <c r="BV9" s="545"/>
      <c r="BW9" s="551"/>
      <c r="BX9" s="552"/>
      <c r="BY9" s="552"/>
      <c r="BZ9" s="552"/>
      <c r="CA9" s="552"/>
      <c r="CB9" s="552"/>
      <c r="CC9" s="555"/>
      <c r="CD9" s="448" t="s">
        <v>60</v>
      </c>
      <c r="CE9" s="206"/>
      <c r="CF9" s="205"/>
      <c r="CG9" s="205"/>
      <c r="CH9" s="206"/>
      <c r="CI9" s="304"/>
      <c r="CJ9" s="305"/>
      <c r="CK9" s="306"/>
      <c r="CL9" s="551"/>
      <c r="CM9" s="552"/>
      <c r="CN9" s="553"/>
    </row>
    <row r="10" spans="1:93" ht="12" customHeight="1" x14ac:dyDescent="0.2">
      <c r="A10" s="410"/>
      <c r="B10" s="234">
        <f>B8+1</f>
        <v>13</v>
      </c>
      <c r="C10" s="436"/>
      <c r="D10" s="292"/>
      <c r="E10" s="292"/>
      <c r="F10" s="292"/>
      <c r="G10" s="292"/>
      <c r="H10" s="292"/>
      <c r="I10" s="292"/>
      <c r="J10" s="292"/>
      <c r="K10" s="352"/>
      <c r="L10" s="440"/>
      <c r="M10" s="441"/>
      <c r="N10" s="441"/>
      <c r="O10" s="442"/>
      <c r="P10" s="436"/>
      <c r="Q10" s="292"/>
      <c r="R10" s="292"/>
      <c r="S10" s="292"/>
      <c r="T10" s="292"/>
      <c r="U10" s="292"/>
      <c r="V10" s="446"/>
      <c r="W10" s="437" t="s">
        <v>58</v>
      </c>
      <c r="X10" s="438"/>
      <c r="Y10" s="439" t="s">
        <v>59</v>
      </c>
      <c r="Z10" s="439"/>
      <c r="AA10" s="580"/>
      <c r="AB10" s="573"/>
      <c r="AC10" s="581"/>
      <c r="AD10" s="573"/>
      <c r="AE10" s="536"/>
      <c r="AF10" s="537"/>
      <c r="AG10" s="536"/>
      <c r="AH10" s="537"/>
      <c r="AI10" s="576"/>
      <c r="AJ10" s="577"/>
      <c r="AK10" s="577"/>
      <c r="AL10" s="577"/>
      <c r="AM10" s="577"/>
      <c r="AN10" s="577"/>
      <c r="AO10" s="573"/>
      <c r="AP10" s="437" t="s">
        <v>58</v>
      </c>
      <c r="AQ10" s="438"/>
      <c r="AR10" s="439" t="s">
        <v>59</v>
      </c>
      <c r="AS10" s="439"/>
      <c r="AT10" s="556"/>
      <c r="AU10" s="549"/>
      <c r="AV10" s="543"/>
      <c r="AW10" s="548"/>
      <c r="AX10" s="549"/>
      <c r="AY10" s="549"/>
      <c r="AZ10" s="549"/>
      <c r="BA10" s="549"/>
      <c r="BB10" s="549"/>
      <c r="BC10" s="549"/>
      <c r="BD10" s="549"/>
      <c r="BE10" s="549"/>
      <c r="BF10" s="549"/>
      <c r="BG10" s="549"/>
      <c r="BH10" s="549"/>
      <c r="BI10" s="549"/>
      <c r="BJ10" s="549"/>
      <c r="BK10" s="543"/>
      <c r="BL10" s="548"/>
      <c r="BM10" s="549"/>
      <c r="BN10" s="543"/>
      <c r="BO10" s="548"/>
      <c r="BP10" s="554"/>
      <c r="BQ10" s="542"/>
      <c r="BR10" s="554"/>
      <c r="BS10" s="542"/>
      <c r="BT10" s="543"/>
      <c r="BU10" s="542"/>
      <c r="BV10" s="543"/>
      <c r="BW10" s="548"/>
      <c r="BX10" s="549"/>
      <c r="BY10" s="549"/>
      <c r="BZ10" s="549"/>
      <c r="CA10" s="549"/>
      <c r="CB10" s="549"/>
      <c r="CC10" s="554"/>
      <c r="CD10" s="437" t="s">
        <v>58</v>
      </c>
      <c r="CE10" s="234"/>
      <c r="CF10" s="233" t="s">
        <v>183</v>
      </c>
      <c r="CG10" s="233"/>
      <c r="CH10" s="234"/>
      <c r="CI10" s="547"/>
      <c r="CJ10" s="302"/>
      <c r="CK10" s="303"/>
      <c r="CL10" s="548"/>
      <c r="CM10" s="549"/>
      <c r="CN10" s="550"/>
    </row>
    <row r="11" spans="1:93" ht="12" customHeight="1" x14ac:dyDescent="0.2">
      <c r="A11" s="410"/>
      <c r="B11" s="206"/>
      <c r="C11" s="296"/>
      <c r="D11" s="297"/>
      <c r="E11" s="297"/>
      <c r="F11" s="297"/>
      <c r="G11" s="297"/>
      <c r="H11" s="297"/>
      <c r="I11" s="297"/>
      <c r="J11" s="297"/>
      <c r="K11" s="353"/>
      <c r="L11" s="443"/>
      <c r="M11" s="444"/>
      <c r="N11" s="444"/>
      <c r="O11" s="445"/>
      <c r="P11" s="296"/>
      <c r="Q11" s="297"/>
      <c r="R11" s="297"/>
      <c r="S11" s="297"/>
      <c r="T11" s="297"/>
      <c r="U11" s="297"/>
      <c r="V11" s="447"/>
      <c r="W11" s="448" t="s">
        <v>60</v>
      </c>
      <c r="X11" s="449"/>
      <c r="Y11" s="439"/>
      <c r="Z11" s="439"/>
      <c r="AA11" s="574"/>
      <c r="AB11" s="575"/>
      <c r="AC11" s="582"/>
      <c r="AD11" s="575"/>
      <c r="AE11" s="538"/>
      <c r="AF11" s="539"/>
      <c r="AG11" s="538"/>
      <c r="AH11" s="539"/>
      <c r="AI11" s="578"/>
      <c r="AJ11" s="579"/>
      <c r="AK11" s="579"/>
      <c r="AL11" s="579"/>
      <c r="AM11" s="579"/>
      <c r="AN11" s="579"/>
      <c r="AO11" s="575"/>
      <c r="AP11" s="448" t="s">
        <v>60</v>
      </c>
      <c r="AQ11" s="449"/>
      <c r="AR11" s="439"/>
      <c r="AS11" s="439"/>
      <c r="AT11" s="557"/>
      <c r="AU11" s="552"/>
      <c r="AV11" s="545"/>
      <c r="AW11" s="551"/>
      <c r="AX11" s="552"/>
      <c r="AY11" s="552"/>
      <c r="AZ11" s="552"/>
      <c r="BA11" s="552"/>
      <c r="BB11" s="552"/>
      <c r="BC11" s="552"/>
      <c r="BD11" s="552"/>
      <c r="BE11" s="552"/>
      <c r="BF11" s="552"/>
      <c r="BG11" s="552"/>
      <c r="BH11" s="552"/>
      <c r="BI11" s="552"/>
      <c r="BJ11" s="552"/>
      <c r="BK11" s="545"/>
      <c r="BL11" s="551"/>
      <c r="BM11" s="552"/>
      <c r="BN11" s="545"/>
      <c r="BO11" s="551"/>
      <c r="BP11" s="555"/>
      <c r="BQ11" s="544"/>
      <c r="BR11" s="555"/>
      <c r="BS11" s="544"/>
      <c r="BT11" s="545"/>
      <c r="BU11" s="544"/>
      <c r="BV11" s="545"/>
      <c r="BW11" s="551"/>
      <c r="BX11" s="552"/>
      <c r="BY11" s="552"/>
      <c r="BZ11" s="552"/>
      <c r="CA11" s="552"/>
      <c r="CB11" s="552"/>
      <c r="CC11" s="555"/>
      <c r="CD11" s="448" t="s">
        <v>60</v>
      </c>
      <c r="CE11" s="206"/>
      <c r="CF11" s="205"/>
      <c r="CG11" s="205"/>
      <c r="CH11" s="206"/>
      <c r="CI11" s="304"/>
      <c r="CJ11" s="305"/>
      <c r="CK11" s="306"/>
      <c r="CL11" s="551"/>
      <c r="CM11" s="552"/>
      <c r="CN11" s="553"/>
    </row>
    <row r="12" spans="1:93" ht="12" customHeight="1" x14ac:dyDescent="0.2">
      <c r="A12" s="410"/>
      <c r="B12" s="234">
        <f>B10+1</f>
        <v>14</v>
      </c>
      <c r="C12" s="436"/>
      <c r="D12" s="292"/>
      <c r="E12" s="292"/>
      <c r="F12" s="292"/>
      <c r="G12" s="292"/>
      <c r="H12" s="292"/>
      <c r="I12" s="292"/>
      <c r="J12" s="292"/>
      <c r="K12" s="352"/>
      <c r="L12" s="440"/>
      <c r="M12" s="441"/>
      <c r="N12" s="441"/>
      <c r="O12" s="442"/>
      <c r="P12" s="436"/>
      <c r="Q12" s="292"/>
      <c r="R12" s="292"/>
      <c r="S12" s="292"/>
      <c r="T12" s="292"/>
      <c r="U12" s="292"/>
      <c r="V12" s="446"/>
      <c r="W12" s="437" t="s">
        <v>58</v>
      </c>
      <c r="X12" s="438"/>
      <c r="Y12" s="439" t="s">
        <v>59</v>
      </c>
      <c r="Z12" s="439"/>
      <c r="AA12" s="572"/>
      <c r="AB12" s="573"/>
      <c r="AC12" s="536"/>
      <c r="AD12" s="562"/>
      <c r="AE12" s="536"/>
      <c r="AF12" s="537"/>
      <c r="AG12" s="536"/>
      <c r="AH12" s="537"/>
      <c r="AI12" s="576"/>
      <c r="AJ12" s="577"/>
      <c r="AK12" s="577"/>
      <c r="AL12" s="577"/>
      <c r="AM12" s="577"/>
      <c r="AN12" s="577"/>
      <c r="AO12" s="573"/>
      <c r="AP12" s="437" t="s">
        <v>58</v>
      </c>
      <c r="AQ12" s="438"/>
      <c r="AR12" s="439" t="s">
        <v>59</v>
      </c>
      <c r="AS12" s="439"/>
      <c r="AT12" s="478"/>
      <c r="AU12" s="292"/>
      <c r="AV12" s="352"/>
      <c r="AW12" s="436"/>
      <c r="AX12" s="292"/>
      <c r="AY12" s="292"/>
      <c r="AZ12" s="292"/>
      <c r="BA12" s="292"/>
      <c r="BB12" s="292"/>
      <c r="BC12" s="292"/>
      <c r="BD12" s="292"/>
      <c r="BE12" s="292"/>
      <c r="BF12" s="292"/>
      <c r="BG12" s="292"/>
      <c r="BH12" s="292"/>
      <c r="BI12" s="292"/>
      <c r="BJ12" s="292"/>
      <c r="BK12" s="352"/>
      <c r="BL12" s="486"/>
      <c r="BM12" s="486"/>
      <c r="BN12" s="486"/>
      <c r="BO12" s="436"/>
      <c r="BP12" s="446"/>
      <c r="BQ12" s="542"/>
      <c r="BR12" s="554"/>
      <c r="BS12" s="542"/>
      <c r="BT12" s="543"/>
      <c r="BU12" s="542"/>
      <c r="BV12" s="543"/>
      <c r="BW12" s="548"/>
      <c r="BX12" s="549"/>
      <c r="BY12" s="549"/>
      <c r="BZ12" s="549"/>
      <c r="CA12" s="549"/>
      <c r="CB12" s="549"/>
      <c r="CC12" s="554"/>
      <c r="CD12" s="437" t="s">
        <v>58</v>
      </c>
      <c r="CE12" s="234"/>
      <c r="CF12" s="233" t="s">
        <v>183</v>
      </c>
      <c r="CG12" s="233"/>
      <c r="CH12" s="234"/>
      <c r="CI12" s="547"/>
      <c r="CJ12" s="302"/>
      <c r="CK12" s="303"/>
      <c r="CL12" s="436"/>
      <c r="CM12" s="292"/>
      <c r="CN12" s="293"/>
    </row>
    <row r="13" spans="1:93" ht="12" customHeight="1" x14ac:dyDescent="0.2">
      <c r="A13" s="410"/>
      <c r="B13" s="206"/>
      <c r="C13" s="296"/>
      <c r="D13" s="297"/>
      <c r="E13" s="297"/>
      <c r="F13" s="297"/>
      <c r="G13" s="297"/>
      <c r="H13" s="297"/>
      <c r="I13" s="297"/>
      <c r="J13" s="297"/>
      <c r="K13" s="353"/>
      <c r="L13" s="443"/>
      <c r="M13" s="444"/>
      <c r="N13" s="444"/>
      <c r="O13" s="445"/>
      <c r="P13" s="296"/>
      <c r="Q13" s="297"/>
      <c r="R13" s="297"/>
      <c r="S13" s="297"/>
      <c r="T13" s="297"/>
      <c r="U13" s="297"/>
      <c r="V13" s="447"/>
      <c r="W13" s="448" t="s">
        <v>60</v>
      </c>
      <c r="X13" s="449"/>
      <c r="Y13" s="439"/>
      <c r="Z13" s="439"/>
      <c r="AA13" s="574"/>
      <c r="AB13" s="575"/>
      <c r="AC13" s="538"/>
      <c r="AD13" s="564"/>
      <c r="AE13" s="538"/>
      <c r="AF13" s="539"/>
      <c r="AG13" s="538"/>
      <c r="AH13" s="539"/>
      <c r="AI13" s="578"/>
      <c r="AJ13" s="579"/>
      <c r="AK13" s="579"/>
      <c r="AL13" s="579"/>
      <c r="AM13" s="579"/>
      <c r="AN13" s="579"/>
      <c r="AO13" s="575"/>
      <c r="AP13" s="448" t="s">
        <v>60</v>
      </c>
      <c r="AQ13" s="449"/>
      <c r="AR13" s="439"/>
      <c r="AS13" s="439"/>
      <c r="AT13" s="479"/>
      <c r="AU13" s="297"/>
      <c r="AV13" s="353"/>
      <c r="AW13" s="296"/>
      <c r="AX13" s="297"/>
      <c r="AY13" s="297"/>
      <c r="AZ13" s="297"/>
      <c r="BA13" s="297"/>
      <c r="BB13" s="297"/>
      <c r="BC13" s="297"/>
      <c r="BD13" s="297"/>
      <c r="BE13" s="297"/>
      <c r="BF13" s="297"/>
      <c r="BG13" s="297"/>
      <c r="BH13" s="297"/>
      <c r="BI13" s="297"/>
      <c r="BJ13" s="297"/>
      <c r="BK13" s="353"/>
      <c r="BL13" s="486"/>
      <c r="BM13" s="486"/>
      <c r="BN13" s="486"/>
      <c r="BO13" s="296"/>
      <c r="BP13" s="447"/>
      <c r="BQ13" s="544"/>
      <c r="BR13" s="555"/>
      <c r="BS13" s="544"/>
      <c r="BT13" s="545"/>
      <c r="BU13" s="544"/>
      <c r="BV13" s="545"/>
      <c r="BW13" s="551"/>
      <c r="BX13" s="552"/>
      <c r="BY13" s="552"/>
      <c r="BZ13" s="552"/>
      <c r="CA13" s="552"/>
      <c r="CB13" s="552"/>
      <c r="CC13" s="555"/>
      <c r="CD13" s="448" t="s">
        <v>60</v>
      </c>
      <c r="CE13" s="206"/>
      <c r="CF13" s="205"/>
      <c r="CG13" s="205"/>
      <c r="CH13" s="206"/>
      <c r="CI13" s="304"/>
      <c r="CJ13" s="305"/>
      <c r="CK13" s="306"/>
      <c r="CL13" s="296"/>
      <c r="CM13" s="297"/>
      <c r="CN13" s="298"/>
    </row>
    <row r="14" spans="1:93" ht="12" customHeight="1" x14ac:dyDescent="0.2">
      <c r="A14" s="410"/>
      <c r="B14" s="234">
        <f>B12+1</f>
        <v>15</v>
      </c>
      <c r="C14" s="436"/>
      <c r="D14" s="292"/>
      <c r="E14" s="292"/>
      <c r="F14" s="292"/>
      <c r="G14" s="292"/>
      <c r="H14" s="292"/>
      <c r="I14" s="292"/>
      <c r="J14" s="292"/>
      <c r="K14" s="352"/>
      <c r="L14" s="571"/>
      <c r="M14" s="571"/>
      <c r="N14" s="571"/>
      <c r="O14" s="571"/>
      <c r="P14" s="436"/>
      <c r="Q14" s="292"/>
      <c r="R14" s="292"/>
      <c r="S14" s="292"/>
      <c r="T14" s="292"/>
      <c r="U14" s="292"/>
      <c r="V14" s="446"/>
      <c r="W14" s="437" t="s">
        <v>58</v>
      </c>
      <c r="X14" s="438"/>
      <c r="Y14" s="439" t="s">
        <v>59</v>
      </c>
      <c r="Z14" s="439"/>
      <c r="AA14" s="561"/>
      <c r="AB14" s="562"/>
      <c r="AC14" s="536"/>
      <c r="AD14" s="562"/>
      <c r="AE14" s="536"/>
      <c r="AF14" s="537"/>
      <c r="AG14" s="536"/>
      <c r="AH14" s="537"/>
      <c r="AI14" s="565"/>
      <c r="AJ14" s="566"/>
      <c r="AK14" s="566"/>
      <c r="AL14" s="566"/>
      <c r="AM14" s="566"/>
      <c r="AN14" s="566"/>
      <c r="AO14" s="562"/>
      <c r="AP14" s="437" t="s">
        <v>58</v>
      </c>
      <c r="AQ14" s="438"/>
      <c r="AR14" s="439" t="s">
        <v>59</v>
      </c>
      <c r="AS14" s="439"/>
      <c r="AT14" s="478"/>
      <c r="AU14" s="292"/>
      <c r="AV14" s="352"/>
      <c r="AW14" s="436"/>
      <c r="AX14" s="292"/>
      <c r="AY14" s="292"/>
      <c r="AZ14" s="292"/>
      <c r="BA14" s="292"/>
      <c r="BB14" s="292"/>
      <c r="BC14" s="292"/>
      <c r="BD14" s="292"/>
      <c r="BE14" s="292"/>
      <c r="BF14" s="292"/>
      <c r="BG14" s="292"/>
      <c r="BH14" s="292"/>
      <c r="BI14" s="292"/>
      <c r="BJ14" s="292"/>
      <c r="BK14" s="352"/>
      <c r="BL14" s="486"/>
      <c r="BM14" s="486"/>
      <c r="BN14" s="486"/>
      <c r="BO14" s="548"/>
      <c r="BP14" s="554"/>
      <c r="BQ14" s="542"/>
      <c r="BR14" s="554"/>
      <c r="BS14" s="542"/>
      <c r="BT14" s="543"/>
      <c r="BU14" s="542"/>
      <c r="BV14" s="543"/>
      <c r="BW14" s="548"/>
      <c r="BX14" s="549"/>
      <c r="BY14" s="549"/>
      <c r="BZ14" s="549"/>
      <c r="CA14" s="549"/>
      <c r="CB14" s="549"/>
      <c r="CC14" s="554"/>
      <c r="CD14" s="437" t="s">
        <v>58</v>
      </c>
      <c r="CE14" s="234"/>
      <c r="CF14" s="233" t="s">
        <v>183</v>
      </c>
      <c r="CG14" s="233"/>
      <c r="CH14" s="234"/>
      <c r="CI14" s="547"/>
      <c r="CJ14" s="302"/>
      <c r="CK14" s="303"/>
      <c r="CL14" s="436"/>
      <c r="CM14" s="292"/>
      <c r="CN14" s="293"/>
    </row>
    <row r="15" spans="1:93" ht="12" customHeight="1" x14ac:dyDescent="0.2">
      <c r="A15" s="410"/>
      <c r="B15" s="206"/>
      <c r="C15" s="296"/>
      <c r="D15" s="297"/>
      <c r="E15" s="297"/>
      <c r="F15" s="297"/>
      <c r="G15" s="297"/>
      <c r="H15" s="297"/>
      <c r="I15" s="297"/>
      <c r="J15" s="297"/>
      <c r="K15" s="353"/>
      <c r="L15" s="571"/>
      <c r="M15" s="571"/>
      <c r="N15" s="571"/>
      <c r="O15" s="571"/>
      <c r="P15" s="296"/>
      <c r="Q15" s="297"/>
      <c r="R15" s="297"/>
      <c r="S15" s="297"/>
      <c r="T15" s="297"/>
      <c r="U15" s="297"/>
      <c r="V15" s="447"/>
      <c r="W15" s="448" t="s">
        <v>60</v>
      </c>
      <c r="X15" s="449"/>
      <c r="Y15" s="439"/>
      <c r="Z15" s="439"/>
      <c r="AA15" s="563"/>
      <c r="AB15" s="564"/>
      <c r="AC15" s="538"/>
      <c r="AD15" s="564"/>
      <c r="AE15" s="538"/>
      <c r="AF15" s="539"/>
      <c r="AG15" s="538"/>
      <c r="AH15" s="539"/>
      <c r="AI15" s="567"/>
      <c r="AJ15" s="568"/>
      <c r="AK15" s="568"/>
      <c r="AL15" s="568"/>
      <c r="AM15" s="568"/>
      <c r="AN15" s="568"/>
      <c r="AO15" s="564"/>
      <c r="AP15" s="448" t="s">
        <v>60</v>
      </c>
      <c r="AQ15" s="449"/>
      <c r="AR15" s="439"/>
      <c r="AS15" s="439"/>
      <c r="AT15" s="479"/>
      <c r="AU15" s="297"/>
      <c r="AV15" s="353"/>
      <c r="AW15" s="296"/>
      <c r="AX15" s="297"/>
      <c r="AY15" s="297"/>
      <c r="AZ15" s="297"/>
      <c r="BA15" s="297"/>
      <c r="BB15" s="297"/>
      <c r="BC15" s="297"/>
      <c r="BD15" s="297"/>
      <c r="BE15" s="297"/>
      <c r="BF15" s="297"/>
      <c r="BG15" s="297"/>
      <c r="BH15" s="297"/>
      <c r="BI15" s="297"/>
      <c r="BJ15" s="297"/>
      <c r="BK15" s="353"/>
      <c r="BL15" s="486"/>
      <c r="BM15" s="486"/>
      <c r="BN15" s="486"/>
      <c r="BO15" s="551"/>
      <c r="BP15" s="555"/>
      <c r="BQ15" s="544"/>
      <c r="BR15" s="555"/>
      <c r="BS15" s="544"/>
      <c r="BT15" s="545"/>
      <c r="BU15" s="544"/>
      <c r="BV15" s="545"/>
      <c r="BW15" s="551"/>
      <c r="BX15" s="552"/>
      <c r="BY15" s="552"/>
      <c r="BZ15" s="552"/>
      <c r="CA15" s="552"/>
      <c r="CB15" s="552"/>
      <c r="CC15" s="555"/>
      <c r="CD15" s="448" t="s">
        <v>60</v>
      </c>
      <c r="CE15" s="206"/>
      <c r="CF15" s="205"/>
      <c r="CG15" s="205"/>
      <c r="CH15" s="206"/>
      <c r="CI15" s="304"/>
      <c r="CJ15" s="305"/>
      <c r="CK15" s="306"/>
      <c r="CL15" s="296"/>
      <c r="CM15" s="297"/>
      <c r="CN15" s="298"/>
    </row>
    <row r="16" spans="1:93" ht="12" customHeight="1" x14ac:dyDescent="0.2">
      <c r="A16" s="410"/>
      <c r="B16" s="234">
        <f>B14+1</f>
        <v>16</v>
      </c>
      <c r="C16" s="548"/>
      <c r="D16" s="549"/>
      <c r="E16" s="549"/>
      <c r="F16" s="549"/>
      <c r="G16" s="549"/>
      <c r="H16" s="549"/>
      <c r="I16" s="549"/>
      <c r="J16" s="549"/>
      <c r="K16" s="543"/>
      <c r="L16" s="548"/>
      <c r="M16" s="549"/>
      <c r="N16" s="549"/>
      <c r="O16" s="543"/>
      <c r="P16" s="548"/>
      <c r="Q16" s="549"/>
      <c r="R16" s="549"/>
      <c r="S16" s="549"/>
      <c r="T16" s="549"/>
      <c r="U16" s="549"/>
      <c r="V16" s="554"/>
      <c r="W16" s="437" t="s">
        <v>58</v>
      </c>
      <c r="X16" s="438"/>
      <c r="Y16" s="439" t="s">
        <v>59</v>
      </c>
      <c r="Z16" s="439"/>
      <c r="AA16" s="561"/>
      <c r="AB16" s="562"/>
      <c r="AC16" s="536"/>
      <c r="AD16" s="562"/>
      <c r="AE16" s="536"/>
      <c r="AF16" s="537"/>
      <c r="AG16" s="536"/>
      <c r="AH16" s="537"/>
      <c r="AI16" s="565"/>
      <c r="AJ16" s="566"/>
      <c r="AK16" s="566"/>
      <c r="AL16" s="566"/>
      <c r="AM16" s="566"/>
      <c r="AN16" s="566"/>
      <c r="AO16" s="562"/>
      <c r="AP16" s="437" t="s">
        <v>58</v>
      </c>
      <c r="AQ16" s="438"/>
      <c r="AR16" s="439" t="s">
        <v>59</v>
      </c>
      <c r="AS16" s="439"/>
      <c r="AT16" s="556"/>
      <c r="AU16" s="549"/>
      <c r="AV16" s="543"/>
      <c r="AW16" s="548"/>
      <c r="AX16" s="549"/>
      <c r="AY16" s="549"/>
      <c r="AZ16" s="549"/>
      <c r="BA16" s="549"/>
      <c r="BB16" s="549"/>
      <c r="BC16" s="549"/>
      <c r="BD16" s="549"/>
      <c r="BE16" s="549"/>
      <c r="BF16" s="549"/>
      <c r="BG16" s="549"/>
      <c r="BH16" s="549"/>
      <c r="BI16" s="549"/>
      <c r="BJ16" s="549"/>
      <c r="BK16" s="543"/>
      <c r="BL16" s="548"/>
      <c r="BM16" s="549"/>
      <c r="BN16" s="543"/>
      <c r="BO16" s="548"/>
      <c r="BP16" s="554"/>
      <c r="BQ16" s="542"/>
      <c r="BR16" s="554"/>
      <c r="BS16" s="542"/>
      <c r="BT16" s="543"/>
      <c r="BU16" s="542"/>
      <c r="BV16" s="543"/>
      <c r="BW16" s="548"/>
      <c r="BX16" s="549"/>
      <c r="BY16" s="549"/>
      <c r="BZ16" s="549"/>
      <c r="CA16" s="549"/>
      <c r="CB16" s="549"/>
      <c r="CC16" s="554"/>
      <c r="CD16" s="437" t="s">
        <v>58</v>
      </c>
      <c r="CE16" s="234"/>
      <c r="CF16" s="233" t="s">
        <v>183</v>
      </c>
      <c r="CG16" s="233"/>
      <c r="CH16" s="234"/>
      <c r="CI16" s="547"/>
      <c r="CJ16" s="302"/>
      <c r="CK16" s="303"/>
      <c r="CL16" s="548"/>
      <c r="CM16" s="549"/>
      <c r="CN16" s="550"/>
    </row>
    <row r="17" spans="1:92" ht="12" customHeight="1" x14ac:dyDescent="0.2">
      <c r="A17" s="410"/>
      <c r="B17" s="206"/>
      <c r="C17" s="551"/>
      <c r="D17" s="552"/>
      <c r="E17" s="552"/>
      <c r="F17" s="552"/>
      <c r="G17" s="552"/>
      <c r="H17" s="552"/>
      <c r="I17" s="552"/>
      <c r="J17" s="552"/>
      <c r="K17" s="545"/>
      <c r="L17" s="551"/>
      <c r="M17" s="552"/>
      <c r="N17" s="552"/>
      <c r="O17" s="545"/>
      <c r="P17" s="551"/>
      <c r="Q17" s="552"/>
      <c r="R17" s="552"/>
      <c r="S17" s="552"/>
      <c r="T17" s="552"/>
      <c r="U17" s="552"/>
      <c r="V17" s="555"/>
      <c r="W17" s="448" t="s">
        <v>60</v>
      </c>
      <c r="X17" s="449"/>
      <c r="Y17" s="439"/>
      <c r="Z17" s="439"/>
      <c r="AA17" s="563"/>
      <c r="AB17" s="564"/>
      <c r="AC17" s="538"/>
      <c r="AD17" s="564"/>
      <c r="AE17" s="538"/>
      <c r="AF17" s="539"/>
      <c r="AG17" s="538"/>
      <c r="AH17" s="539"/>
      <c r="AI17" s="567"/>
      <c r="AJ17" s="568"/>
      <c r="AK17" s="568"/>
      <c r="AL17" s="568"/>
      <c r="AM17" s="568"/>
      <c r="AN17" s="568"/>
      <c r="AO17" s="564"/>
      <c r="AP17" s="448" t="s">
        <v>60</v>
      </c>
      <c r="AQ17" s="449"/>
      <c r="AR17" s="439"/>
      <c r="AS17" s="439"/>
      <c r="AT17" s="557"/>
      <c r="AU17" s="552"/>
      <c r="AV17" s="545"/>
      <c r="AW17" s="551"/>
      <c r="AX17" s="552"/>
      <c r="AY17" s="552"/>
      <c r="AZ17" s="552"/>
      <c r="BA17" s="552"/>
      <c r="BB17" s="552"/>
      <c r="BC17" s="552"/>
      <c r="BD17" s="552"/>
      <c r="BE17" s="552"/>
      <c r="BF17" s="552"/>
      <c r="BG17" s="552"/>
      <c r="BH17" s="552"/>
      <c r="BI17" s="552"/>
      <c r="BJ17" s="552"/>
      <c r="BK17" s="545"/>
      <c r="BL17" s="551"/>
      <c r="BM17" s="552"/>
      <c r="BN17" s="545"/>
      <c r="BO17" s="551"/>
      <c r="BP17" s="555"/>
      <c r="BQ17" s="544"/>
      <c r="BR17" s="555"/>
      <c r="BS17" s="544"/>
      <c r="BT17" s="545"/>
      <c r="BU17" s="544"/>
      <c r="BV17" s="545"/>
      <c r="BW17" s="551"/>
      <c r="BX17" s="552"/>
      <c r="BY17" s="552"/>
      <c r="BZ17" s="552"/>
      <c r="CA17" s="552"/>
      <c r="CB17" s="552"/>
      <c r="CC17" s="555"/>
      <c r="CD17" s="448" t="s">
        <v>60</v>
      </c>
      <c r="CE17" s="206"/>
      <c r="CF17" s="205"/>
      <c r="CG17" s="205"/>
      <c r="CH17" s="206"/>
      <c r="CI17" s="304"/>
      <c r="CJ17" s="305"/>
      <c r="CK17" s="306"/>
      <c r="CL17" s="551"/>
      <c r="CM17" s="552"/>
      <c r="CN17" s="553"/>
    </row>
    <row r="18" spans="1:92" ht="12" customHeight="1" x14ac:dyDescent="0.2">
      <c r="A18" s="410"/>
      <c r="B18" s="234">
        <f>B16+1</f>
        <v>17</v>
      </c>
      <c r="C18" s="548"/>
      <c r="D18" s="549"/>
      <c r="E18" s="549"/>
      <c r="F18" s="549"/>
      <c r="G18" s="549"/>
      <c r="H18" s="549"/>
      <c r="I18" s="549"/>
      <c r="J18" s="549"/>
      <c r="K18" s="543"/>
      <c r="L18" s="548"/>
      <c r="M18" s="549"/>
      <c r="N18" s="549"/>
      <c r="O18" s="543"/>
      <c r="P18" s="548"/>
      <c r="Q18" s="549"/>
      <c r="R18" s="549"/>
      <c r="S18" s="549"/>
      <c r="T18" s="549"/>
      <c r="U18" s="549"/>
      <c r="V18" s="554"/>
      <c r="W18" s="437" t="s">
        <v>58</v>
      </c>
      <c r="X18" s="438"/>
      <c r="Y18" s="439" t="s">
        <v>59</v>
      </c>
      <c r="Z18" s="439"/>
      <c r="AA18" s="561"/>
      <c r="AB18" s="562"/>
      <c r="AC18" s="536"/>
      <c r="AD18" s="562"/>
      <c r="AE18" s="536"/>
      <c r="AF18" s="537"/>
      <c r="AG18" s="536"/>
      <c r="AH18" s="537"/>
      <c r="AI18" s="565"/>
      <c r="AJ18" s="566"/>
      <c r="AK18" s="566"/>
      <c r="AL18" s="566"/>
      <c r="AM18" s="566"/>
      <c r="AN18" s="566"/>
      <c r="AO18" s="562"/>
      <c r="AP18" s="437" t="s">
        <v>58</v>
      </c>
      <c r="AQ18" s="438"/>
      <c r="AR18" s="439" t="s">
        <v>59</v>
      </c>
      <c r="AS18" s="439"/>
      <c r="AT18" s="556"/>
      <c r="AU18" s="549"/>
      <c r="AV18" s="543"/>
      <c r="AW18" s="548"/>
      <c r="AX18" s="549"/>
      <c r="AY18" s="549"/>
      <c r="AZ18" s="549"/>
      <c r="BA18" s="549"/>
      <c r="BB18" s="549"/>
      <c r="BC18" s="549"/>
      <c r="BD18" s="549"/>
      <c r="BE18" s="549"/>
      <c r="BF18" s="549"/>
      <c r="BG18" s="549"/>
      <c r="BH18" s="549"/>
      <c r="BI18" s="549"/>
      <c r="BJ18" s="549"/>
      <c r="BK18" s="543"/>
      <c r="BL18" s="548"/>
      <c r="BM18" s="549"/>
      <c r="BN18" s="543"/>
      <c r="BO18" s="548"/>
      <c r="BP18" s="554"/>
      <c r="BQ18" s="542"/>
      <c r="BR18" s="554"/>
      <c r="BS18" s="542"/>
      <c r="BT18" s="543"/>
      <c r="BU18" s="542"/>
      <c r="BV18" s="543"/>
      <c r="BW18" s="548"/>
      <c r="BX18" s="549"/>
      <c r="BY18" s="549"/>
      <c r="BZ18" s="549"/>
      <c r="CA18" s="549"/>
      <c r="CB18" s="549"/>
      <c r="CC18" s="554"/>
      <c r="CD18" s="437" t="s">
        <v>58</v>
      </c>
      <c r="CE18" s="234"/>
      <c r="CF18" s="233" t="s">
        <v>183</v>
      </c>
      <c r="CG18" s="233"/>
      <c r="CH18" s="234"/>
      <c r="CI18" s="547"/>
      <c r="CJ18" s="302"/>
      <c r="CK18" s="303"/>
      <c r="CL18" s="548"/>
      <c r="CM18" s="549"/>
      <c r="CN18" s="550"/>
    </row>
    <row r="19" spans="1:92" ht="12" customHeight="1" x14ac:dyDescent="0.2">
      <c r="A19" s="410"/>
      <c r="B19" s="206"/>
      <c r="C19" s="551"/>
      <c r="D19" s="552"/>
      <c r="E19" s="552"/>
      <c r="F19" s="552"/>
      <c r="G19" s="552"/>
      <c r="H19" s="552"/>
      <c r="I19" s="552"/>
      <c r="J19" s="552"/>
      <c r="K19" s="545"/>
      <c r="L19" s="551"/>
      <c r="M19" s="552"/>
      <c r="N19" s="552"/>
      <c r="O19" s="545"/>
      <c r="P19" s="551"/>
      <c r="Q19" s="552"/>
      <c r="R19" s="552"/>
      <c r="S19" s="552"/>
      <c r="T19" s="552"/>
      <c r="U19" s="552"/>
      <c r="V19" s="555"/>
      <c r="W19" s="448" t="s">
        <v>60</v>
      </c>
      <c r="X19" s="449"/>
      <c r="Y19" s="439"/>
      <c r="Z19" s="439"/>
      <c r="AA19" s="563"/>
      <c r="AB19" s="564"/>
      <c r="AC19" s="538"/>
      <c r="AD19" s="564"/>
      <c r="AE19" s="538"/>
      <c r="AF19" s="539"/>
      <c r="AG19" s="538"/>
      <c r="AH19" s="539"/>
      <c r="AI19" s="567"/>
      <c r="AJ19" s="568"/>
      <c r="AK19" s="568"/>
      <c r="AL19" s="568"/>
      <c r="AM19" s="568"/>
      <c r="AN19" s="568"/>
      <c r="AO19" s="564"/>
      <c r="AP19" s="448" t="s">
        <v>60</v>
      </c>
      <c r="AQ19" s="449"/>
      <c r="AR19" s="439"/>
      <c r="AS19" s="439"/>
      <c r="AT19" s="557"/>
      <c r="AU19" s="552"/>
      <c r="AV19" s="545"/>
      <c r="AW19" s="551"/>
      <c r="AX19" s="552"/>
      <c r="AY19" s="552"/>
      <c r="AZ19" s="552"/>
      <c r="BA19" s="552"/>
      <c r="BB19" s="552"/>
      <c r="BC19" s="552"/>
      <c r="BD19" s="552"/>
      <c r="BE19" s="552"/>
      <c r="BF19" s="552"/>
      <c r="BG19" s="552"/>
      <c r="BH19" s="552"/>
      <c r="BI19" s="552"/>
      <c r="BJ19" s="552"/>
      <c r="BK19" s="545"/>
      <c r="BL19" s="551"/>
      <c r="BM19" s="552"/>
      <c r="BN19" s="545"/>
      <c r="BO19" s="551"/>
      <c r="BP19" s="555"/>
      <c r="BQ19" s="544"/>
      <c r="BR19" s="555"/>
      <c r="BS19" s="544"/>
      <c r="BT19" s="545"/>
      <c r="BU19" s="544"/>
      <c r="BV19" s="545"/>
      <c r="BW19" s="551"/>
      <c r="BX19" s="552"/>
      <c r="BY19" s="552"/>
      <c r="BZ19" s="552"/>
      <c r="CA19" s="552"/>
      <c r="CB19" s="552"/>
      <c r="CC19" s="555"/>
      <c r="CD19" s="448" t="s">
        <v>60</v>
      </c>
      <c r="CE19" s="206"/>
      <c r="CF19" s="205"/>
      <c r="CG19" s="205"/>
      <c r="CH19" s="206"/>
      <c r="CI19" s="304"/>
      <c r="CJ19" s="305"/>
      <c r="CK19" s="306"/>
      <c r="CL19" s="551"/>
      <c r="CM19" s="552"/>
      <c r="CN19" s="553"/>
    </row>
    <row r="20" spans="1:92" ht="12" customHeight="1" x14ac:dyDescent="0.2">
      <c r="A20" s="410"/>
      <c r="B20" s="234">
        <f>B18+1</f>
        <v>18</v>
      </c>
      <c r="C20" s="548"/>
      <c r="D20" s="549"/>
      <c r="E20" s="549"/>
      <c r="F20" s="549"/>
      <c r="G20" s="549"/>
      <c r="H20" s="549"/>
      <c r="I20" s="549"/>
      <c r="J20" s="549"/>
      <c r="K20" s="543"/>
      <c r="L20" s="548"/>
      <c r="M20" s="549"/>
      <c r="N20" s="549"/>
      <c r="O20" s="543"/>
      <c r="P20" s="548"/>
      <c r="Q20" s="549"/>
      <c r="R20" s="549"/>
      <c r="S20" s="549"/>
      <c r="T20" s="549"/>
      <c r="U20" s="549"/>
      <c r="V20" s="554"/>
      <c r="W20" s="437" t="s">
        <v>58</v>
      </c>
      <c r="X20" s="438"/>
      <c r="Y20" s="439" t="s">
        <v>59</v>
      </c>
      <c r="Z20" s="439"/>
      <c r="AA20" s="561"/>
      <c r="AB20" s="562"/>
      <c r="AC20" s="536"/>
      <c r="AD20" s="562"/>
      <c r="AE20" s="536"/>
      <c r="AF20" s="537"/>
      <c r="AG20" s="536"/>
      <c r="AH20" s="537"/>
      <c r="AI20" s="565"/>
      <c r="AJ20" s="566"/>
      <c r="AK20" s="566"/>
      <c r="AL20" s="566"/>
      <c r="AM20" s="566"/>
      <c r="AN20" s="566"/>
      <c r="AO20" s="562"/>
      <c r="AP20" s="437" t="s">
        <v>58</v>
      </c>
      <c r="AQ20" s="438"/>
      <c r="AR20" s="439" t="s">
        <v>59</v>
      </c>
      <c r="AS20" s="439"/>
      <c r="AT20" s="556"/>
      <c r="AU20" s="549"/>
      <c r="AV20" s="543"/>
      <c r="AW20" s="548"/>
      <c r="AX20" s="549"/>
      <c r="AY20" s="549"/>
      <c r="AZ20" s="549"/>
      <c r="BA20" s="549"/>
      <c r="BB20" s="549"/>
      <c r="BC20" s="549"/>
      <c r="BD20" s="549"/>
      <c r="BE20" s="549"/>
      <c r="BF20" s="549"/>
      <c r="BG20" s="549"/>
      <c r="BH20" s="549"/>
      <c r="BI20" s="549"/>
      <c r="BJ20" s="549"/>
      <c r="BK20" s="543"/>
      <c r="BL20" s="548"/>
      <c r="BM20" s="549"/>
      <c r="BN20" s="543"/>
      <c r="BO20" s="548"/>
      <c r="BP20" s="554"/>
      <c r="BQ20" s="542"/>
      <c r="BR20" s="554"/>
      <c r="BS20" s="542"/>
      <c r="BT20" s="543"/>
      <c r="BU20" s="542"/>
      <c r="BV20" s="543"/>
      <c r="BW20" s="548"/>
      <c r="BX20" s="549"/>
      <c r="BY20" s="549"/>
      <c r="BZ20" s="549"/>
      <c r="CA20" s="549"/>
      <c r="CB20" s="549"/>
      <c r="CC20" s="554"/>
      <c r="CD20" s="437" t="s">
        <v>58</v>
      </c>
      <c r="CE20" s="234"/>
      <c r="CF20" s="233" t="s">
        <v>183</v>
      </c>
      <c r="CG20" s="233"/>
      <c r="CH20" s="234"/>
      <c r="CI20" s="547"/>
      <c r="CJ20" s="302"/>
      <c r="CK20" s="303"/>
      <c r="CL20" s="548"/>
      <c r="CM20" s="549"/>
      <c r="CN20" s="550"/>
    </row>
    <row r="21" spans="1:92" ht="12" customHeight="1" x14ac:dyDescent="0.2">
      <c r="A21" s="410"/>
      <c r="B21" s="206"/>
      <c r="C21" s="551"/>
      <c r="D21" s="552"/>
      <c r="E21" s="552"/>
      <c r="F21" s="552"/>
      <c r="G21" s="552"/>
      <c r="H21" s="552"/>
      <c r="I21" s="552"/>
      <c r="J21" s="552"/>
      <c r="K21" s="545"/>
      <c r="L21" s="551"/>
      <c r="M21" s="552"/>
      <c r="N21" s="552"/>
      <c r="O21" s="545"/>
      <c r="P21" s="551"/>
      <c r="Q21" s="552"/>
      <c r="R21" s="552"/>
      <c r="S21" s="552"/>
      <c r="T21" s="552"/>
      <c r="U21" s="552"/>
      <c r="V21" s="555"/>
      <c r="W21" s="448" t="s">
        <v>60</v>
      </c>
      <c r="X21" s="449"/>
      <c r="Y21" s="439"/>
      <c r="Z21" s="439"/>
      <c r="AA21" s="563"/>
      <c r="AB21" s="564"/>
      <c r="AC21" s="538"/>
      <c r="AD21" s="564"/>
      <c r="AE21" s="538"/>
      <c r="AF21" s="539"/>
      <c r="AG21" s="538"/>
      <c r="AH21" s="539"/>
      <c r="AI21" s="567"/>
      <c r="AJ21" s="568"/>
      <c r="AK21" s="568"/>
      <c r="AL21" s="568"/>
      <c r="AM21" s="568"/>
      <c r="AN21" s="568"/>
      <c r="AO21" s="564"/>
      <c r="AP21" s="448" t="s">
        <v>60</v>
      </c>
      <c r="AQ21" s="449"/>
      <c r="AR21" s="439"/>
      <c r="AS21" s="439"/>
      <c r="AT21" s="557"/>
      <c r="AU21" s="552"/>
      <c r="AV21" s="545"/>
      <c r="AW21" s="551"/>
      <c r="AX21" s="552"/>
      <c r="AY21" s="552"/>
      <c r="AZ21" s="552"/>
      <c r="BA21" s="552"/>
      <c r="BB21" s="552"/>
      <c r="BC21" s="552"/>
      <c r="BD21" s="552"/>
      <c r="BE21" s="552"/>
      <c r="BF21" s="552"/>
      <c r="BG21" s="552"/>
      <c r="BH21" s="552"/>
      <c r="BI21" s="552"/>
      <c r="BJ21" s="552"/>
      <c r="BK21" s="545"/>
      <c r="BL21" s="551"/>
      <c r="BM21" s="552"/>
      <c r="BN21" s="545"/>
      <c r="BO21" s="551"/>
      <c r="BP21" s="555"/>
      <c r="BQ21" s="544"/>
      <c r="BR21" s="555"/>
      <c r="BS21" s="544"/>
      <c r="BT21" s="545"/>
      <c r="BU21" s="544"/>
      <c r="BV21" s="545"/>
      <c r="BW21" s="551"/>
      <c r="BX21" s="552"/>
      <c r="BY21" s="552"/>
      <c r="BZ21" s="552"/>
      <c r="CA21" s="552"/>
      <c r="CB21" s="552"/>
      <c r="CC21" s="555"/>
      <c r="CD21" s="448" t="s">
        <v>60</v>
      </c>
      <c r="CE21" s="206"/>
      <c r="CF21" s="205"/>
      <c r="CG21" s="205"/>
      <c r="CH21" s="206"/>
      <c r="CI21" s="304"/>
      <c r="CJ21" s="305"/>
      <c r="CK21" s="306"/>
      <c r="CL21" s="551"/>
      <c r="CM21" s="552"/>
      <c r="CN21" s="553"/>
    </row>
    <row r="22" spans="1:92" ht="12" customHeight="1" x14ac:dyDescent="0.2">
      <c r="A22" s="410"/>
      <c r="B22" s="234">
        <f>B20+1</f>
        <v>19</v>
      </c>
      <c r="C22" s="548"/>
      <c r="D22" s="549"/>
      <c r="E22" s="549"/>
      <c r="F22" s="549"/>
      <c r="G22" s="549"/>
      <c r="H22" s="549"/>
      <c r="I22" s="549"/>
      <c r="J22" s="549"/>
      <c r="K22" s="543"/>
      <c r="L22" s="548"/>
      <c r="M22" s="549"/>
      <c r="N22" s="549"/>
      <c r="O22" s="543"/>
      <c r="P22" s="548"/>
      <c r="Q22" s="549"/>
      <c r="R22" s="549"/>
      <c r="S22" s="549"/>
      <c r="T22" s="549"/>
      <c r="U22" s="549"/>
      <c r="V22" s="554"/>
      <c r="W22" s="437" t="s">
        <v>58</v>
      </c>
      <c r="X22" s="438"/>
      <c r="Y22" s="439" t="s">
        <v>59</v>
      </c>
      <c r="Z22" s="439"/>
      <c r="AA22" s="561"/>
      <c r="AB22" s="562"/>
      <c r="AC22" s="536"/>
      <c r="AD22" s="562"/>
      <c r="AE22" s="536"/>
      <c r="AF22" s="537"/>
      <c r="AG22" s="536"/>
      <c r="AH22" s="537"/>
      <c r="AI22" s="565"/>
      <c r="AJ22" s="566"/>
      <c r="AK22" s="566"/>
      <c r="AL22" s="566"/>
      <c r="AM22" s="566"/>
      <c r="AN22" s="566"/>
      <c r="AO22" s="562"/>
      <c r="AP22" s="437" t="s">
        <v>58</v>
      </c>
      <c r="AQ22" s="438"/>
      <c r="AR22" s="439" t="s">
        <v>59</v>
      </c>
      <c r="AS22" s="439"/>
      <c r="AT22" s="556"/>
      <c r="AU22" s="549"/>
      <c r="AV22" s="543"/>
      <c r="AW22" s="548"/>
      <c r="AX22" s="549"/>
      <c r="AY22" s="549"/>
      <c r="AZ22" s="549"/>
      <c r="BA22" s="549"/>
      <c r="BB22" s="549"/>
      <c r="BC22" s="549"/>
      <c r="BD22" s="549"/>
      <c r="BE22" s="549"/>
      <c r="BF22" s="549"/>
      <c r="BG22" s="549"/>
      <c r="BH22" s="549"/>
      <c r="BI22" s="549"/>
      <c r="BJ22" s="549"/>
      <c r="BK22" s="543"/>
      <c r="BL22" s="548"/>
      <c r="BM22" s="549"/>
      <c r="BN22" s="543"/>
      <c r="BO22" s="548"/>
      <c r="BP22" s="554"/>
      <c r="BQ22" s="542"/>
      <c r="BR22" s="554"/>
      <c r="BS22" s="542"/>
      <c r="BT22" s="543"/>
      <c r="BU22" s="542"/>
      <c r="BV22" s="543"/>
      <c r="BW22" s="548"/>
      <c r="BX22" s="549"/>
      <c r="BY22" s="549"/>
      <c r="BZ22" s="549"/>
      <c r="CA22" s="549"/>
      <c r="CB22" s="549"/>
      <c r="CC22" s="554"/>
      <c r="CD22" s="437" t="s">
        <v>58</v>
      </c>
      <c r="CE22" s="234"/>
      <c r="CF22" s="233" t="s">
        <v>183</v>
      </c>
      <c r="CG22" s="233"/>
      <c r="CH22" s="234"/>
      <c r="CI22" s="547"/>
      <c r="CJ22" s="302"/>
      <c r="CK22" s="303"/>
      <c r="CL22" s="548"/>
      <c r="CM22" s="549"/>
      <c r="CN22" s="550"/>
    </row>
    <row r="23" spans="1:92" ht="12" customHeight="1" x14ac:dyDescent="0.2">
      <c r="A23" s="410"/>
      <c r="B23" s="206"/>
      <c r="C23" s="551"/>
      <c r="D23" s="552"/>
      <c r="E23" s="552"/>
      <c r="F23" s="552"/>
      <c r="G23" s="552"/>
      <c r="H23" s="552"/>
      <c r="I23" s="552"/>
      <c r="J23" s="552"/>
      <c r="K23" s="545"/>
      <c r="L23" s="551"/>
      <c r="M23" s="552"/>
      <c r="N23" s="552"/>
      <c r="O23" s="545"/>
      <c r="P23" s="551"/>
      <c r="Q23" s="552"/>
      <c r="R23" s="552"/>
      <c r="S23" s="552"/>
      <c r="T23" s="552"/>
      <c r="U23" s="552"/>
      <c r="V23" s="555"/>
      <c r="W23" s="448" t="s">
        <v>60</v>
      </c>
      <c r="X23" s="449"/>
      <c r="Y23" s="439"/>
      <c r="Z23" s="439"/>
      <c r="AA23" s="563"/>
      <c r="AB23" s="564"/>
      <c r="AC23" s="538"/>
      <c r="AD23" s="564"/>
      <c r="AE23" s="538"/>
      <c r="AF23" s="539"/>
      <c r="AG23" s="538"/>
      <c r="AH23" s="539"/>
      <c r="AI23" s="567"/>
      <c r="AJ23" s="568"/>
      <c r="AK23" s="568"/>
      <c r="AL23" s="568"/>
      <c r="AM23" s="568"/>
      <c r="AN23" s="568"/>
      <c r="AO23" s="564"/>
      <c r="AP23" s="448" t="s">
        <v>60</v>
      </c>
      <c r="AQ23" s="449"/>
      <c r="AR23" s="439"/>
      <c r="AS23" s="439"/>
      <c r="AT23" s="557"/>
      <c r="AU23" s="552"/>
      <c r="AV23" s="545"/>
      <c r="AW23" s="551"/>
      <c r="AX23" s="552"/>
      <c r="AY23" s="552"/>
      <c r="AZ23" s="552"/>
      <c r="BA23" s="552"/>
      <c r="BB23" s="552"/>
      <c r="BC23" s="552"/>
      <c r="BD23" s="552"/>
      <c r="BE23" s="552"/>
      <c r="BF23" s="552"/>
      <c r="BG23" s="552"/>
      <c r="BH23" s="552"/>
      <c r="BI23" s="552"/>
      <c r="BJ23" s="552"/>
      <c r="BK23" s="545"/>
      <c r="BL23" s="551"/>
      <c r="BM23" s="552"/>
      <c r="BN23" s="545"/>
      <c r="BO23" s="551"/>
      <c r="BP23" s="555"/>
      <c r="BQ23" s="544"/>
      <c r="BR23" s="555"/>
      <c r="BS23" s="544"/>
      <c r="BT23" s="545"/>
      <c r="BU23" s="544"/>
      <c r="BV23" s="545"/>
      <c r="BW23" s="551"/>
      <c r="BX23" s="552"/>
      <c r="BY23" s="552"/>
      <c r="BZ23" s="552"/>
      <c r="CA23" s="552"/>
      <c r="CB23" s="552"/>
      <c r="CC23" s="555"/>
      <c r="CD23" s="448" t="s">
        <v>60</v>
      </c>
      <c r="CE23" s="206"/>
      <c r="CF23" s="205"/>
      <c r="CG23" s="205"/>
      <c r="CH23" s="206"/>
      <c r="CI23" s="304"/>
      <c r="CJ23" s="305"/>
      <c r="CK23" s="306"/>
      <c r="CL23" s="551"/>
      <c r="CM23" s="552"/>
      <c r="CN23" s="553"/>
    </row>
    <row r="24" spans="1:92" ht="12" customHeight="1" x14ac:dyDescent="0.2">
      <c r="A24" s="410"/>
      <c r="B24" s="234">
        <f>B22+1</f>
        <v>20</v>
      </c>
      <c r="C24" s="436"/>
      <c r="D24" s="292"/>
      <c r="E24" s="292"/>
      <c r="F24" s="292"/>
      <c r="G24" s="292"/>
      <c r="H24" s="292"/>
      <c r="I24" s="292"/>
      <c r="J24" s="292"/>
      <c r="K24" s="352"/>
      <c r="L24" s="440"/>
      <c r="M24" s="441"/>
      <c r="N24" s="441"/>
      <c r="O24" s="442"/>
      <c r="P24" s="436"/>
      <c r="Q24" s="292"/>
      <c r="R24" s="292"/>
      <c r="S24" s="292"/>
      <c r="T24" s="292"/>
      <c r="U24" s="292"/>
      <c r="V24" s="446"/>
      <c r="W24" s="437" t="s">
        <v>58</v>
      </c>
      <c r="X24" s="438"/>
      <c r="Y24" s="439" t="s">
        <v>59</v>
      </c>
      <c r="Z24" s="439"/>
      <c r="AA24" s="580"/>
      <c r="AB24" s="573"/>
      <c r="AC24" s="536"/>
      <c r="AD24" s="562"/>
      <c r="AE24" s="536"/>
      <c r="AF24" s="537"/>
      <c r="AG24" s="536"/>
      <c r="AH24" s="537"/>
      <c r="AI24" s="576"/>
      <c r="AJ24" s="577"/>
      <c r="AK24" s="577"/>
      <c r="AL24" s="577"/>
      <c r="AM24" s="577"/>
      <c r="AN24" s="577"/>
      <c r="AO24" s="573"/>
      <c r="AP24" s="437" t="s">
        <v>58</v>
      </c>
      <c r="AQ24" s="438"/>
      <c r="AR24" s="439" t="s">
        <v>59</v>
      </c>
      <c r="AS24" s="439"/>
      <c r="AT24" s="556"/>
      <c r="AU24" s="549"/>
      <c r="AV24" s="543"/>
      <c r="AW24" s="548"/>
      <c r="AX24" s="549"/>
      <c r="AY24" s="549"/>
      <c r="AZ24" s="549"/>
      <c r="BA24" s="549"/>
      <c r="BB24" s="549"/>
      <c r="BC24" s="549"/>
      <c r="BD24" s="549"/>
      <c r="BE24" s="549"/>
      <c r="BF24" s="549"/>
      <c r="BG24" s="549"/>
      <c r="BH24" s="549"/>
      <c r="BI24" s="549"/>
      <c r="BJ24" s="549"/>
      <c r="BK24" s="543"/>
      <c r="BL24" s="548"/>
      <c r="BM24" s="549"/>
      <c r="BN24" s="543"/>
      <c r="BO24" s="548"/>
      <c r="BP24" s="554"/>
      <c r="BQ24" s="542"/>
      <c r="BR24" s="554"/>
      <c r="BS24" s="542"/>
      <c r="BT24" s="543"/>
      <c r="BU24" s="542"/>
      <c r="BV24" s="543"/>
      <c r="BW24" s="548"/>
      <c r="BX24" s="549"/>
      <c r="BY24" s="549"/>
      <c r="BZ24" s="549"/>
      <c r="CA24" s="549"/>
      <c r="CB24" s="549"/>
      <c r="CC24" s="554"/>
      <c r="CD24" s="437" t="s">
        <v>58</v>
      </c>
      <c r="CE24" s="234"/>
      <c r="CF24" s="233" t="s">
        <v>183</v>
      </c>
      <c r="CG24" s="233"/>
      <c r="CH24" s="234"/>
      <c r="CI24" s="547"/>
      <c r="CJ24" s="302"/>
      <c r="CK24" s="303"/>
      <c r="CL24" s="548"/>
      <c r="CM24" s="549"/>
      <c r="CN24" s="550"/>
    </row>
    <row r="25" spans="1:92" ht="12" customHeight="1" x14ac:dyDescent="0.2">
      <c r="A25" s="410"/>
      <c r="B25" s="206"/>
      <c r="C25" s="296"/>
      <c r="D25" s="297"/>
      <c r="E25" s="297"/>
      <c r="F25" s="297"/>
      <c r="G25" s="297"/>
      <c r="H25" s="297"/>
      <c r="I25" s="297"/>
      <c r="J25" s="297"/>
      <c r="K25" s="353"/>
      <c r="L25" s="443"/>
      <c r="M25" s="444"/>
      <c r="N25" s="444"/>
      <c r="O25" s="445"/>
      <c r="P25" s="296"/>
      <c r="Q25" s="297"/>
      <c r="R25" s="297"/>
      <c r="S25" s="297"/>
      <c r="T25" s="297"/>
      <c r="U25" s="297"/>
      <c r="V25" s="447"/>
      <c r="W25" s="448" t="s">
        <v>60</v>
      </c>
      <c r="X25" s="449"/>
      <c r="Y25" s="439"/>
      <c r="Z25" s="439"/>
      <c r="AA25" s="574"/>
      <c r="AB25" s="575"/>
      <c r="AC25" s="538"/>
      <c r="AD25" s="564"/>
      <c r="AE25" s="538"/>
      <c r="AF25" s="539"/>
      <c r="AG25" s="538"/>
      <c r="AH25" s="539"/>
      <c r="AI25" s="578"/>
      <c r="AJ25" s="579"/>
      <c r="AK25" s="579"/>
      <c r="AL25" s="579"/>
      <c r="AM25" s="579"/>
      <c r="AN25" s="579"/>
      <c r="AO25" s="575"/>
      <c r="AP25" s="448" t="s">
        <v>60</v>
      </c>
      <c r="AQ25" s="449"/>
      <c r="AR25" s="439"/>
      <c r="AS25" s="439"/>
      <c r="AT25" s="557"/>
      <c r="AU25" s="552"/>
      <c r="AV25" s="545"/>
      <c r="AW25" s="551"/>
      <c r="AX25" s="552"/>
      <c r="AY25" s="552"/>
      <c r="AZ25" s="552"/>
      <c r="BA25" s="552"/>
      <c r="BB25" s="552"/>
      <c r="BC25" s="552"/>
      <c r="BD25" s="552"/>
      <c r="BE25" s="552"/>
      <c r="BF25" s="552"/>
      <c r="BG25" s="552"/>
      <c r="BH25" s="552"/>
      <c r="BI25" s="552"/>
      <c r="BJ25" s="552"/>
      <c r="BK25" s="545"/>
      <c r="BL25" s="551"/>
      <c r="BM25" s="552"/>
      <c r="BN25" s="545"/>
      <c r="BO25" s="551"/>
      <c r="BP25" s="555"/>
      <c r="BQ25" s="544"/>
      <c r="BR25" s="555"/>
      <c r="BS25" s="544"/>
      <c r="BT25" s="545"/>
      <c r="BU25" s="544"/>
      <c r="BV25" s="545"/>
      <c r="BW25" s="551"/>
      <c r="BX25" s="552"/>
      <c r="BY25" s="552"/>
      <c r="BZ25" s="552"/>
      <c r="CA25" s="552"/>
      <c r="CB25" s="552"/>
      <c r="CC25" s="555"/>
      <c r="CD25" s="448" t="s">
        <v>60</v>
      </c>
      <c r="CE25" s="206"/>
      <c r="CF25" s="205"/>
      <c r="CG25" s="205"/>
      <c r="CH25" s="206"/>
      <c r="CI25" s="304"/>
      <c r="CJ25" s="305"/>
      <c r="CK25" s="306"/>
      <c r="CL25" s="551"/>
      <c r="CM25" s="552"/>
      <c r="CN25" s="553"/>
    </row>
    <row r="26" spans="1:92" ht="12" customHeight="1" x14ac:dyDescent="0.2">
      <c r="A26" s="410"/>
      <c r="B26" s="234">
        <f>B24+1</f>
        <v>21</v>
      </c>
      <c r="C26" s="436"/>
      <c r="D26" s="292"/>
      <c r="E26" s="292"/>
      <c r="F26" s="292"/>
      <c r="G26" s="292"/>
      <c r="H26" s="292"/>
      <c r="I26" s="292"/>
      <c r="J26" s="292"/>
      <c r="K26" s="352"/>
      <c r="L26" s="440"/>
      <c r="M26" s="441"/>
      <c r="N26" s="441"/>
      <c r="O26" s="442"/>
      <c r="P26" s="436"/>
      <c r="Q26" s="292"/>
      <c r="R26" s="292"/>
      <c r="S26" s="292"/>
      <c r="T26" s="292"/>
      <c r="U26" s="292"/>
      <c r="V26" s="446"/>
      <c r="W26" s="437" t="s">
        <v>58</v>
      </c>
      <c r="X26" s="438"/>
      <c r="Y26" s="439" t="s">
        <v>59</v>
      </c>
      <c r="Z26" s="439"/>
      <c r="AA26" s="580"/>
      <c r="AB26" s="573"/>
      <c r="AC26" s="581"/>
      <c r="AD26" s="573"/>
      <c r="AE26" s="536"/>
      <c r="AF26" s="537"/>
      <c r="AG26" s="536"/>
      <c r="AH26" s="537"/>
      <c r="AI26" s="576"/>
      <c r="AJ26" s="577"/>
      <c r="AK26" s="577"/>
      <c r="AL26" s="577"/>
      <c r="AM26" s="577"/>
      <c r="AN26" s="577"/>
      <c r="AO26" s="573"/>
      <c r="AP26" s="437" t="s">
        <v>58</v>
      </c>
      <c r="AQ26" s="438"/>
      <c r="AR26" s="439" t="s">
        <v>59</v>
      </c>
      <c r="AS26" s="439"/>
      <c r="AT26" s="556"/>
      <c r="AU26" s="549"/>
      <c r="AV26" s="543"/>
      <c r="AW26" s="548"/>
      <c r="AX26" s="549"/>
      <c r="AY26" s="549"/>
      <c r="AZ26" s="549"/>
      <c r="BA26" s="549"/>
      <c r="BB26" s="549"/>
      <c r="BC26" s="549"/>
      <c r="BD26" s="549"/>
      <c r="BE26" s="549"/>
      <c r="BF26" s="549"/>
      <c r="BG26" s="549"/>
      <c r="BH26" s="549"/>
      <c r="BI26" s="549"/>
      <c r="BJ26" s="549"/>
      <c r="BK26" s="543"/>
      <c r="BL26" s="548"/>
      <c r="BM26" s="549"/>
      <c r="BN26" s="543"/>
      <c r="BO26" s="548"/>
      <c r="BP26" s="554"/>
      <c r="BQ26" s="542"/>
      <c r="BR26" s="554"/>
      <c r="BS26" s="542"/>
      <c r="BT26" s="543"/>
      <c r="BU26" s="542"/>
      <c r="BV26" s="543"/>
      <c r="BW26" s="548"/>
      <c r="BX26" s="549"/>
      <c r="BY26" s="549"/>
      <c r="BZ26" s="549"/>
      <c r="CA26" s="549"/>
      <c r="CB26" s="549"/>
      <c r="CC26" s="554"/>
      <c r="CD26" s="437" t="s">
        <v>58</v>
      </c>
      <c r="CE26" s="234"/>
      <c r="CF26" s="233" t="s">
        <v>183</v>
      </c>
      <c r="CG26" s="233"/>
      <c r="CH26" s="234"/>
      <c r="CI26" s="547"/>
      <c r="CJ26" s="302"/>
      <c r="CK26" s="303"/>
      <c r="CL26" s="548"/>
      <c r="CM26" s="549"/>
      <c r="CN26" s="550"/>
    </row>
    <row r="27" spans="1:92" ht="12" customHeight="1" x14ac:dyDescent="0.2">
      <c r="A27" s="410"/>
      <c r="B27" s="206"/>
      <c r="C27" s="296"/>
      <c r="D27" s="297"/>
      <c r="E27" s="297"/>
      <c r="F27" s="297"/>
      <c r="G27" s="297"/>
      <c r="H27" s="297"/>
      <c r="I27" s="297"/>
      <c r="J27" s="297"/>
      <c r="K27" s="353"/>
      <c r="L27" s="443"/>
      <c r="M27" s="444"/>
      <c r="N27" s="444"/>
      <c r="O27" s="445"/>
      <c r="P27" s="296"/>
      <c r="Q27" s="297"/>
      <c r="R27" s="297"/>
      <c r="S27" s="297"/>
      <c r="T27" s="297"/>
      <c r="U27" s="297"/>
      <c r="V27" s="447"/>
      <c r="W27" s="448" t="s">
        <v>60</v>
      </c>
      <c r="X27" s="449"/>
      <c r="Y27" s="439"/>
      <c r="Z27" s="439"/>
      <c r="AA27" s="574"/>
      <c r="AB27" s="575"/>
      <c r="AC27" s="582"/>
      <c r="AD27" s="575"/>
      <c r="AE27" s="538"/>
      <c r="AF27" s="539"/>
      <c r="AG27" s="538"/>
      <c r="AH27" s="539"/>
      <c r="AI27" s="578"/>
      <c r="AJ27" s="579"/>
      <c r="AK27" s="579"/>
      <c r="AL27" s="579"/>
      <c r="AM27" s="579"/>
      <c r="AN27" s="579"/>
      <c r="AO27" s="575"/>
      <c r="AP27" s="448" t="s">
        <v>60</v>
      </c>
      <c r="AQ27" s="449"/>
      <c r="AR27" s="439"/>
      <c r="AS27" s="439"/>
      <c r="AT27" s="557"/>
      <c r="AU27" s="552"/>
      <c r="AV27" s="545"/>
      <c r="AW27" s="551"/>
      <c r="AX27" s="552"/>
      <c r="AY27" s="552"/>
      <c r="AZ27" s="552"/>
      <c r="BA27" s="552"/>
      <c r="BB27" s="552"/>
      <c r="BC27" s="552"/>
      <c r="BD27" s="552"/>
      <c r="BE27" s="552"/>
      <c r="BF27" s="552"/>
      <c r="BG27" s="552"/>
      <c r="BH27" s="552"/>
      <c r="BI27" s="552"/>
      <c r="BJ27" s="552"/>
      <c r="BK27" s="545"/>
      <c r="BL27" s="551"/>
      <c r="BM27" s="552"/>
      <c r="BN27" s="545"/>
      <c r="BO27" s="551"/>
      <c r="BP27" s="555"/>
      <c r="BQ27" s="544"/>
      <c r="BR27" s="555"/>
      <c r="BS27" s="544"/>
      <c r="BT27" s="545"/>
      <c r="BU27" s="544"/>
      <c r="BV27" s="545"/>
      <c r="BW27" s="551"/>
      <c r="BX27" s="552"/>
      <c r="BY27" s="552"/>
      <c r="BZ27" s="552"/>
      <c r="CA27" s="552"/>
      <c r="CB27" s="552"/>
      <c r="CC27" s="555"/>
      <c r="CD27" s="448" t="s">
        <v>60</v>
      </c>
      <c r="CE27" s="206"/>
      <c r="CF27" s="205"/>
      <c r="CG27" s="205"/>
      <c r="CH27" s="206"/>
      <c r="CI27" s="304"/>
      <c r="CJ27" s="305"/>
      <c r="CK27" s="306"/>
      <c r="CL27" s="551"/>
      <c r="CM27" s="552"/>
      <c r="CN27" s="553"/>
    </row>
    <row r="28" spans="1:92" ht="12" customHeight="1" x14ac:dyDescent="0.2">
      <c r="A28" s="410"/>
      <c r="B28" s="234">
        <f>B26+1</f>
        <v>22</v>
      </c>
      <c r="C28" s="436"/>
      <c r="D28" s="292"/>
      <c r="E28" s="292"/>
      <c r="F28" s="292"/>
      <c r="G28" s="292"/>
      <c r="H28" s="292"/>
      <c r="I28" s="292"/>
      <c r="J28" s="292"/>
      <c r="K28" s="352"/>
      <c r="L28" s="440"/>
      <c r="M28" s="441"/>
      <c r="N28" s="441"/>
      <c r="O28" s="442"/>
      <c r="P28" s="436"/>
      <c r="Q28" s="292"/>
      <c r="R28" s="292"/>
      <c r="S28" s="292"/>
      <c r="T28" s="292"/>
      <c r="U28" s="292"/>
      <c r="V28" s="446"/>
      <c r="W28" s="437" t="s">
        <v>58</v>
      </c>
      <c r="X28" s="438"/>
      <c r="Y28" s="439" t="s">
        <v>59</v>
      </c>
      <c r="Z28" s="439"/>
      <c r="AA28" s="572"/>
      <c r="AB28" s="573"/>
      <c r="AC28" s="536"/>
      <c r="AD28" s="562"/>
      <c r="AE28" s="536"/>
      <c r="AF28" s="537"/>
      <c r="AG28" s="536"/>
      <c r="AH28" s="537"/>
      <c r="AI28" s="576"/>
      <c r="AJ28" s="577"/>
      <c r="AK28" s="577"/>
      <c r="AL28" s="577"/>
      <c r="AM28" s="577"/>
      <c r="AN28" s="577"/>
      <c r="AO28" s="573"/>
      <c r="AP28" s="437" t="s">
        <v>58</v>
      </c>
      <c r="AQ28" s="438"/>
      <c r="AR28" s="439" t="s">
        <v>59</v>
      </c>
      <c r="AS28" s="439"/>
      <c r="AT28" s="478"/>
      <c r="AU28" s="292"/>
      <c r="AV28" s="352"/>
      <c r="AW28" s="436"/>
      <c r="AX28" s="292"/>
      <c r="AY28" s="292"/>
      <c r="AZ28" s="292"/>
      <c r="BA28" s="292"/>
      <c r="BB28" s="292"/>
      <c r="BC28" s="292"/>
      <c r="BD28" s="292"/>
      <c r="BE28" s="292"/>
      <c r="BF28" s="292"/>
      <c r="BG28" s="292"/>
      <c r="BH28" s="292"/>
      <c r="BI28" s="292"/>
      <c r="BJ28" s="292"/>
      <c r="BK28" s="352"/>
      <c r="BL28" s="486"/>
      <c r="BM28" s="486"/>
      <c r="BN28" s="486"/>
      <c r="BO28" s="436"/>
      <c r="BP28" s="446"/>
      <c r="BQ28" s="542"/>
      <c r="BR28" s="554"/>
      <c r="BS28" s="542"/>
      <c r="BT28" s="543"/>
      <c r="BU28" s="542"/>
      <c r="BV28" s="543"/>
      <c r="BW28" s="548"/>
      <c r="BX28" s="549"/>
      <c r="BY28" s="549"/>
      <c r="BZ28" s="549"/>
      <c r="CA28" s="549"/>
      <c r="CB28" s="549"/>
      <c r="CC28" s="554"/>
      <c r="CD28" s="437" t="s">
        <v>58</v>
      </c>
      <c r="CE28" s="234"/>
      <c r="CF28" s="233" t="s">
        <v>183</v>
      </c>
      <c r="CG28" s="233"/>
      <c r="CH28" s="234"/>
      <c r="CI28" s="547"/>
      <c r="CJ28" s="302"/>
      <c r="CK28" s="303"/>
      <c r="CL28" s="436"/>
      <c r="CM28" s="292"/>
      <c r="CN28" s="293"/>
    </row>
    <row r="29" spans="1:92" ht="12" customHeight="1" x14ac:dyDescent="0.2">
      <c r="A29" s="410"/>
      <c r="B29" s="206"/>
      <c r="C29" s="296"/>
      <c r="D29" s="297"/>
      <c r="E29" s="297"/>
      <c r="F29" s="297"/>
      <c r="G29" s="297"/>
      <c r="H29" s="297"/>
      <c r="I29" s="297"/>
      <c r="J29" s="297"/>
      <c r="K29" s="353"/>
      <c r="L29" s="443"/>
      <c r="M29" s="444"/>
      <c r="N29" s="444"/>
      <c r="O29" s="445"/>
      <c r="P29" s="296"/>
      <c r="Q29" s="297"/>
      <c r="R29" s="297"/>
      <c r="S29" s="297"/>
      <c r="T29" s="297"/>
      <c r="U29" s="297"/>
      <c r="V29" s="447"/>
      <c r="W29" s="448" t="s">
        <v>60</v>
      </c>
      <c r="X29" s="449"/>
      <c r="Y29" s="439"/>
      <c r="Z29" s="439"/>
      <c r="AA29" s="574"/>
      <c r="AB29" s="575"/>
      <c r="AC29" s="538"/>
      <c r="AD29" s="564"/>
      <c r="AE29" s="538"/>
      <c r="AF29" s="539"/>
      <c r="AG29" s="538"/>
      <c r="AH29" s="539"/>
      <c r="AI29" s="578"/>
      <c r="AJ29" s="579"/>
      <c r="AK29" s="579"/>
      <c r="AL29" s="579"/>
      <c r="AM29" s="579"/>
      <c r="AN29" s="579"/>
      <c r="AO29" s="575"/>
      <c r="AP29" s="448" t="s">
        <v>60</v>
      </c>
      <c r="AQ29" s="449"/>
      <c r="AR29" s="439"/>
      <c r="AS29" s="439"/>
      <c r="AT29" s="479"/>
      <c r="AU29" s="297"/>
      <c r="AV29" s="353"/>
      <c r="AW29" s="296"/>
      <c r="AX29" s="297"/>
      <c r="AY29" s="297"/>
      <c r="AZ29" s="297"/>
      <c r="BA29" s="297"/>
      <c r="BB29" s="297"/>
      <c r="BC29" s="297"/>
      <c r="BD29" s="297"/>
      <c r="BE29" s="297"/>
      <c r="BF29" s="297"/>
      <c r="BG29" s="297"/>
      <c r="BH29" s="297"/>
      <c r="BI29" s="297"/>
      <c r="BJ29" s="297"/>
      <c r="BK29" s="353"/>
      <c r="BL29" s="486"/>
      <c r="BM29" s="486"/>
      <c r="BN29" s="486"/>
      <c r="BO29" s="296"/>
      <c r="BP29" s="447"/>
      <c r="BQ29" s="544"/>
      <c r="BR29" s="555"/>
      <c r="BS29" s="544"/>
      <c r="BT29" s="545"/>
      <c r="BU29" s="544"/>
      <c r="BV29" s="545"/>
      <c r="BW29" s="551"/>
      <c r="BX29" s="552"/>
      <c r="BY29" s="552"/>
      <c r="BZ29" s="552"/>
      <c r="CA29" s="552"/>
      <c r="CB29" s="552"/>
      <c r="CC29" s="555"/>
      <c r="CD29" s="448" t="s">
        <v>60</v>
      </c>
      <c r="CE29" s="206"/>
      <c r="CF29" s="205"/>
      <c r="CG29" s="205"/>
      <c r="CH29" s="206"/>
      <c r="CI29" s="304"/>
      <c r="CJ29" s="305"/>
      <c r="CK29" s="306"/>
      <c r="CL29" s="296"/>
      <c r="CM29" s="297"/>
      <c r="CN29" s="298"/>
    </row>
    <row r="30" spans="1:92" ht="12" customHeight="1" x14ac:dyDescent="0.2">
      <c r="A30" s="410"/>
      <c r="B30" s="234">
        <f>B28+1</f>
        <v>23</v>
      </c>
      <c r="C30" s="436"/>
      <c r="D30" s="292"/>
      <c r="E30" s="292"/>
      <c r="F30" s="292"/>
      <c r="G30" s="292"/>
      <c r="H30" s="292"/>
      <c r="I30" s="292"/>
      <c r="J30" s="292"/>
      <c r="K30" s="352"/>
      <c r="L30" s="571"/>
      <c r="M30" s="571"/>
      <c r="N30" s="571"/>
      <c r="O30" s="571"/>
      <c r="P30" s="436"/>
      <c r="Q30" s="292"/>
      <c r="R30" s="292"/>
      <c r="S30" s="292"/>
      <c r="T30" s="292"/>
      <c r="U30" s="292"/>
      <c r="V30" s="446"/>
      <c r="W30" s="437" t="s">
        <v>58</v>
      </c>
      <c r="X30" s="438"/>
      <c r="Y30" s="439" t="s">
        <v>59</v>
      </c>
      <c r="Z30" s="439"/>
      <c r="AA30" s="561"/>
      <c r="AB30" s="562"/>
      <c r="AC30" s="536"/>
      <c r="AD30" s="562"/>
      <c r="AE30" s="536"/>
      <c r="AF30" s="537"/>
      <c r="AG30" s="536"/>
      <c r="AH30" s="537"/>
      <c r="AI30" s="565"/>
      <c r="AJ30" s="566"/>
      <c r="AK30" s="566"/>
      <c r="AL30" s="566"/>
      <c r="AM30" s="566"/>
      <c r="AN30" s="566"/>
      <c r="AO30" s="562"/>
      <c r="AP30" s="437" t="s">
        <v>58</v>
      </c>
      <c r="AQ30" s="438"/>
      <c r="AR30" s="439" t="s">
        <v>59</v>
      </c>
      <c r="AS30" s="439"/>
      <c r="AT30" s="478"/>
      <c r="AU30" s="292"/>
      <c r="AV30" s="352"/>
      <c r="AW30" s="436"/>
      <c r="AX30" s="292"/>
      <c r="AY30" s="292"/>
      <c r="AZ30" s="292"/>
      <c r="BA30" s="292"/>
      <c r="BB30" s="292"/>
      <c r="BC30" s="292"/>
      <c r="BD30" s="292"/>
      <c r="BE30" s="292"/>
      <c r="BF30" s="292"/>
      <c r="BG30" s="292"/>
      <c r="BH30" s="292"/>
      <c r="BI30" s="292"/>
      <c r="BJ30" s="292"/>
      <c r="BK30" s="352"/>
      <c r="BL30" s="486"/>
      <c r="BM30" s="486"/>
      <c r="BN30" s="486"/>
      <c r="BO30" s="548"/>
      <c r="BP30" s="554"/>
      <c r="BQ30" s="542"/>
      <c r="BR30" s="554"/>
      <c r="BS30" s="542"/>
      <c r="BT30" s="543"/>
      <c r="BU30" s="542"/>
      <c r="BV30" s="543"/>
      <c r="BW30" s="548"/>
      <c r="BX30" s="549"/>
      <c r="BY30" s="549"/>
      <c r="BZ30" s="549"/>
      <c r="CA30" s="549"/>
      <c r="CB30" s="549"/>
      <c r="CC30" s="554"/>
      <c r="CD30" s="437" t="s">
        <v>58</v>
      </c>
      <c r="CE30" s="234"/>
      <c r="CF30" s="233" t="s">
        <v>183</v>
      </c>
      <c r="CG30" s="233"/>
      <c r="CH30" s="234"/>
      <c r="CI30" s="547"/>
      <c r="CJ30" s="302"/>
      <c r="CK30" s="303"/>
      <c r="CL30" s="436"/>
      <c r="CM30" s="292"/>
      <c r="CN30" s="293"/>
    </row>
    <row r="31" spans="1:92" ht="12" customHeight="1" x14ac:dyDescent="0.2">
      <c r="A31" s="410"/>
      <c r="B31" s="206"/>
      <c r="C31" s="296"/>
      <c r="D31" s="297"/>
      <c r="E31" s="297"/>
      <c r="F31" s="297"/>
      <c r="G31" s="297"/>
      <c r="H31" s="297"/>
      <c r="I31" s="297"/>
      <c r="J31" s="297"/>
      <c r="K31" s="353"/>
      <c r="L31" s="571"/>
      <c r="M31" s="571"/>
      <c r="N31" s="571"/>
      <c r="O31" s="571"/>
      <c r="P31" s="296"/>
      <c r="Q31" s="297"/>
      <c r="R31" s="297"/>
      <c r="S31" s="297"/>
      <c r="T31" s="297"/>
      <c r="U31" s="297"/>
      <c r="V31" s="447"/>
      <c r="W31" s="448" t="s">
        <v>60</v>
      </c>
      <c r="X31" s="449"/>
      <c r="Y31" s="439"/>
      <c r="Z31" s="439"/>
      <c r="AA31" s="563"/>
      <c r="AB31" s="564"/>
      <c r="AC31" s="538"/>
      <c r="AD31" s="564"/>
      <c r="AE31" s="538"/>
      <c r="AF31" s="539"/>
      <c r="AG31" s="538"/>
      <c r="AH31" s="539"/>
      <c r="AI31" s="567"/>
      <c r="AJ31" s="568"/>
      <c r="AK31" s="568"/>
      <c r="AL31" s="568"/>
      <c r="AM31" s="568"/>
      <c r="AN31" s="568"/>
      <c r="AO31" s="564"/>
      <c r="AP31" s="448" t="s">
        <v>60</v>
      </c>
      <c r="AQ31" s="449"/>
      <c r="AR31" s="439"/>
      <c r="AS31" s="439"/>
      <c r="AT31" s="479"/>
      <c r="AU31" s="297"/>
      <c r="AV31" s="353"/>
      <c r="AW31" s="296"/>
      <c r="AX31" s="297"/>
      <c r="AY31" s="297"/>
      <c r="AZ31" s="297"/>
      <c r="BA31" s="297"/>
      <c r="BB31" s="297"/>
      <c r="BC31" s="297"/>
      <c r="BD31" s="297"/>
      <c r="BE31" s="297"/>
      <c r="BF31" s="297"/>
      <c r="BG31" s="297"/>
      <c r="BH31" s="297"/>
      <c r="BI31" s="297"/>
      <c r="BJ31" s="297"/>
      <c r="BK31" s="353"/>
      <c r="BL31" s="486"/>
      <c r="BM31" s="486"/>
      <c r="BN31" s="486"/>
      <c r="BO31" s="551"/>
      <c r="BP31" s="555"/>
      <c r="BQ31" s="544"/>
      <c r="BR31" s="555"/>
      <c r="BS31" s="544"/>
      <c r="BT31" s="545"/>
      <c r="BU31" s="544"/>
      <c r="BV31" s="545"/>
      <c r="BW31" s="551"/>
      <c r="BX31" s="552"/>
      <c r="BY31" s="552"/>
      <c r="BZ31" s="552"/>
      <c r="CA31" s="552"/>
      <c r="CB31" s="552"/>
      <c r="CC31" s="555"/>
      <c r="CD31" s="448" t="s">
        <v>60</v>
      </c>
      <c r="CE31" s="206"/>
      <c r="CF31" s="205"/>
      <c r="CG31" s="205"/>
      <c r="CH31" s="206"/>
      <c r="CI31" s="304"/>
      <c r="CJ31" s="305"/>
      <c r="CK31" s="306"/>
      <c r="CL31" s="296"/>
      <c r="CM31" s="297"/>
      <c r="CN31" s="298"/>
    </row>
    <row r="32" spans="1:92" ht="12" customHeight="1" x14ac:dyDescent="0.2">
      <c r="A32" s="410"/>
      <c r="B32" s="234">
        <f>B30+1</f>
        <v>24</v>
      </c>
      <c r="C32" s="548"/>
      <c r="D32" s="549"/>
      <c r="E32" s="549"/>
      <c r="F32" s="549"/>
      <c r="G32" s="549"/>
      <c r="H32" s="549"/>
      <c r="I32" s="549"/>
      <c r="J32" s="549"/>
      <c r="K32" s="543"/>
      <c r="L32" s="548"/>
      <c r="M32" s="549"/>
      <c r="N32" s="549"/>
      <c r="O32" s="543"/>
      <c r="P32" s="548"/>
      <c r="Q32" s="549"/>
      <c r="R32" s="549"/>
      <c r="S32" s="549"/>
      <c r="T32" s="549"/>
      <c r="U32" s="549"/>
      <c r="V32" s="554"/>
      <c r="W32" s="437" t="s">
        <v>58</v>
      </c>
      <c r="X32" s="438"/>
      <c r="Y32" s="439" t="s">
        <v>59</v>
      </c>
      <c r="Z32" s="439"/>
      <c r="AA32" s="561"/>
      <c r="AB32" s="562"/>
      <c r="AC32" s="536"/>
      <c r="AD32" s="562"/>
      <c r="AE32" s="536"/>
      <c r="AF32" s="537"/>
      <c r="AG32" s="536"/>
      <c r="AH32" s="537"/>
      <c r="AI32" s="565"/>
      <c r="AJ32" s="566"/>
      <c r="AK32" s="566"/>
      <c r="AL32" s="566"/>
      <c r="AM32" s="566"/>
      <c r="AN32" s="566"/>
      <c r="AO32" s="562"/>
      <c r="AP32" s="437" t="s">
        <v>58</v>
      </c>
      <c r="AQ32" s="438"/>
      <c r="AR32" s="439" t="s">
        <v>59</v>
      </c>
      <c r="AS32" s="439"/>
      <c r="AT32" s="556"/>
      <c r="AU32" s="549"/>
      <c r="AV32" s="543"/>
      <c r="AW32" s="548"/>
      <c r="AX32" s="549"/>
      <c r="AY32" s="549"/>
      <c r="AZ32" s="549"/>
      <c r="BA32" s="549"/>
      <c r="BB32" s="549"/>
      <c r="BC32" s="549"/>
      <c r="BD32" s="549"/>
      <c r="BE32" s="549"/>
      <c r="BF32" s="549"/>
      <c r="BG32" s="549"/>
      <c r="BH32" s="549"/>
      <c r="BI32" s="549"/>
      <c r="BJ32" s="549"/>
      <c r="BK32" s="543"/>
      <c r="BL32" s="548"/>
      <c r="BM32" s="549"/>
      <c r="BN32" s="543"/>
      <c r="BO32" s="548"/>
      <c r="BP32" s="554"/>
      <c r="BQ32" s="542"/>
      <c r="BR32" s="554"/>
      <c r="BS32" s="542"/>
      <c r="BT32" s="543"/>
      <c r="BU32" s="542"/>
      <c r="BV32" s="543"/>
      <c r="BW32" s="548"/>
      <c r="BX32" s="549"/>
      <c r="BY32" s="549"/>
      <c r="BZ32" s="549"/>
      <c r="CA32" s="549"/>
      <c r="CB32" s="549"/>
      <c r="CC32" s="554"/>
      <c r="CD32" s="437" t="s">
        <v>58</v>
      </c>
      <c r="CE32" s="234"/>
      <c r="CF32" s="233" t="s">
        <v>183</v>
      </c>
      <c r="CG32" s="233"/>
      <c r="CH32" s="234"/>
      <c r="CI32" s="547"/>
      <c r="CJ32" s="302"/>
      <c r="CK32" s="303"/>
      <c r="CL32" s="548"/>
      <c r="CM32" s="549"/>
      <c r="CN32" s="550"/>
    </row>
    <row r="33" spans="1:92" ht="12" customHeight="1" x14ac:dyDescent="0.2">
      <c r="A33" s="410"/>
      <c r="B33" s="206"/>
      <c r="C33" s="551"/>
      <c r="D33" s="552"/>
      <c r="E33" s="552"/>
      <c r="F33" s="552"/>
      <c r="G33" s="552"/>
      <c r="H33" s="552"/>
      <c r="I33" s="552"/>
      <c r="J33" s="552"/>
      <c r="K33" s="545"/>
      <c r="L33" s="551"/>
      <c r="M33" s="552"/>
      <c r="N33" s="552"/>
      <c r="O33" s="545"/>
      <c r="P33" s="551"/>
      <c r="Q33" s="552"/>
      <c r="R33" s="552"/>
      <c r="S33" s="552"/>
      <c r="T33" s="552"/>
      <c r="U33" s="552"/>
      <c r="V33" s="555"/>
      <c r="W33" s="448" t="s">
        <v>60</v>
      </c>
      <c r="X33" s="449"/>
      <c r="Y33" s="439"/>
      <c r="Z33" s="439"/>
      <c r="AA33" s="563"/>
      <c r="AB33" s="564"/>
      <c r="AC33" s="538"/>
      <c r="AD33" s="564"/>
      <c r="AE33" s="538"/>
      <c r="AF33" s="539"/>
      <c r="AG33" s="538"/>
      <c r="AH33" s="539"/>
      <c r="AI33" s="567"/>
      <c r="AJ33" s="568"/>
      <c r="AK33" s="568"/>
      <c r="AL33" s="568"/>
      <c r="AM33" s="568"/>
      <c r="AN33" s="568"/>
      <c r="AO33" s="564"/>
      <c r="AP33" s="448" t="s">
        <v>60</v>
      </c>
      <c r="AQ33" s="449"/>
      <c r="AR33" s="439"/>
      <c r="AS33" s="439"/>
      <c r="AT33" s="557"/>
      <c r="AU33" s="552"/>
      <c r="AV33" s="545"/>
      <c r="AW33" s="551"/>
      <c r="AX33" s="552"/>
      <c r="AY33" s="552"/>
      <c r="AZ33" s="552"/>
      <c r="BA33" s="552"/>
      <c r="BB33" s="552"/>
      <c r="BC33" s="552"/>
      <c r="BD33" s="552"/>
      <c r="BE33" s="552"/>
      <c r="BF33" s="552"/>
      <c r="BG33" s="552"/>
      <c r="BH33" s="552"/>
      <c r="BI33" s="552"/>
      <c r="BJ33" s="552"/>
      <c r="BK33" s="545"/>
      <c r="BL33" s="551"/>
      <c r="BM33" s="552"/>
      <c r="BN33" s="545"/>
      <c r="BO33" s="551"/>
      <c r="BP33" s="555"/>
      <c r="BQ33" s="544"/>
      <c r="BR33" s="555"/>
      <c r="BS33" s="544"/>
      <c r="BT33" s="545"/>
      <c r="BU33" s="544"/>
      <c r="BV33" s="545"/>
      <c r="BW33" s="551"/>
      <c r="BX33" s="552"/>
      <c r="BY33" s="552"/>
      <c r="BZ33" s="552"/>
      <c r="CA33" s="552"/>
      <c r="CB33" s="552"/>
      <c r="CC33" s="555"/>
      <c r="CD33" s="448" t="s">
        <v>60</v>
      </c>
      <c r="CE33" s="206"/>
      <c r="CF33" s="205"/>
      <c r="CG33" s="205"/>
      <c r="CH33" s="206"/>
      <c r="CI33" s="304"/>
      <c r="CJ33" s="305"/>
      <c r="CK33" s="306"/>
      <c r="CL33" s="551"/>
      <c r="CM33" s="552"/>
      <c r="CN33" s="553"/>
    </row>
    <row r="34" spans="1:92" ht="12" customHeight="1" x14ac:dyDescent="0.2">
      <c r="A34" s="410"/>
      <c r="B34" s="234">
        <f>B32+1</f>
        <v>25</v>
      </c>
      <c r="C34" s="548"/>
      <c r="D34" s="549"/>
      <c r="E34" s="549"/>
      <c r="F34" s="549"/>
      <c r="G34" s="549"/>
      <c r="H34" s="549"/>
      <c r="I34" s="549"/>
      <c r="J34" s="549"/>
      <c r="K34" s="543"/>
      <c r="L34" s="548"/>
      <c r="M34" s="549"/>
      <c r="N34" s="549"/>
      <c r="O34" s="543"/>
      <c r="P34" s="548"/>
      <c r="Q34" s="549"/>
      <c r="R34" s="549"/>
      <c r="S34" s="549"/>
      <c r="T34" s="549"/>
      <c r="U34" s="549"/>
      <c r="V34" s="554"/>
      <c r="W34" s="437" t="s">
        <v>58</v>
      </c>
      <c r="X34" s="438"/>
      <c r="Y34" s="439" t="s">
        <v>59</v>
      </c>
      <c r="Z34" s="439"/>
      <c r="AA34" s="561"/>
      <c r="AB34" s="562"/>
      <c r="AC34" s="536"/>
      <c r="AD34" s="562"/>
      <c r="AE34" s="536"/>
      <c r="AF34" s="537"/>
      <c r="AG34" s="536"/>
      <c r="AH34" s="537"/>
      <c r="AI34" s="565"/>
      <c r="AJ34" s="566"/>
      <c r="AK34" s="566"/>
      <c r="AL34" s="566"/>
      <c r="AM34" s="566"/>
      <c r="AN34" s="566"/>
      <c r="AO34" s="562"/>
      <c r="AP34" s="437" t="s">
        <v>58</v>
      </c>
      <c r="AQ34" s="438"/>
      <c r="AR34" s="439" t="s">
        <v>59</v>
      </c>
      <c r="AS34" s="439"/>
      <c r="AT34" s="556"/>
      <c r="AU34" s="549"/>
      <c r="AV34" s="543"/>
      <c r="AW34" s="548"/>
      <c r="AX34" s="549"/>
      <c r="AY34" s="549"/>
      <c r="AZ34" s="549"/>
      <c r="BA34" s="549"/>
      <c r="BB34" s="549"/>
      <c r="BC34" s="549"/>
      <c r="BD34" s="549"/>
      <c r="BE34" s="549"/>
      <c r="BF34" s="549"/>
      <c r="BG34" s="549"/>
      <c r="BH34" s="549"/>
      <c r="BI34" s="549"/>
      <c r="BJ34" s="549"/>
      <c r="BK34" s="543"/>
      <c r="BL34" s="548"/>
      <c r="BM34" s="549"/>
      <c r="BN34" s="543"/>
      <c r="BO34" s="548"/>
      <c r="BP34" s="554"/>
      <c r="BQ34" s="542"/>
      <c r="BR34" s="554"/>
      <c r="BS34" s="542"/>
      <c r="BT34" s="543"/>
      <c r="BU34" s="542"/>
      <c r="BV34" s="543"/>
      <c r="BW34" s="548"/>
      <c r="BX34" s="549"/>
      <c r="BY34" s="549"/>
      <c r="BZ34" s="549"/>
      <c r="CA34" s="549"/>
      <c r="CB34" s="549"/>
      <c r="CC34" s="554"/>
      <c r="CD34" s="437" t="s">
        <v>58</v>
      </c>
      <c r="CE34" s="234"/>
      <c r="CF34" s="233" t="s">
        <v>183</v>
      </c>
      <c r="CG34" s="233"/>
      <c r="CH34" s="234"/>
      <c r="CI34" s="547"/>
      <c r="CJ34" s="302"/>
      <c r="CK34" s="303"/>
      <c r="CL34" s="548"/>
      <c r="CM34" s="549"/>
      <c r="CN34" s="550"/>
    </row>
    <row r="35" spans="1:92" ht="12" customHeight="1" x14ac:dyDescent="0.2">
      <c r="A35" s="410"/>
      <c r="B35" s="206"/>
      <c r="C35" s="551"/>
      <c r="D35" s="552"/>
      <c r="E35" s="552"/>
      <c r="F35" s="552"/>
      <c r="G35" s="552"/>
      <c r="H35" s="552"/>
      <c r="I35" s="552"/>
      <c r="J35" s="552"/>
      <c r="K35" s="545"/>
      <c r="L35" s="551"/>
      <c r="M35" s="552"/>
      <c r="N35" s="552"/>
      <c r="O35" s="545"/>
      <c r="P35" s="551"/>
      <c r="Q35" s="552"/>
      <c r="R35" s="552"/>
      <c r="S35" s="552"/>
      <c r="T35" s="552"/>
      <c r="U35" s="552"/>
      <c r="V35" s="555"/>
      <c r="W35" s="448" t="s">
        <v>60</v>
      </c>
      <c r="X35" s="449"/>
      <c r="Y35" s="439"/>
      <c r="Z35" s="439"/>
      <c r="AA35" s="563"/>
      <c r="AB35" s="564"/>
      <c r="AC35" s="538"/>
      <c r="AD35" s="564"/>
      <c r="AE35" s="538"/>
      <c r="AF35" s="539"/>
      <c r="AG35" s="538"/>
      <c r="AH35" s="539"/>
      <c r="AI35" s="567"/>
      <c r="AJ35" s="568"/>
      <c r="AK35" s="568"/>
      <c r="AL35" s="568"/>
      <c r="AM35" s="568"/>
      <c r="AN35" s="568"/>
      <c r="AO35" s="564"/>
      <c r="AP35" s="448" t="s">
        <v>60</v>
      </c>
      <c r="AQ35" s="449"/>
      <c r="AR35" s="439"/>
      <c r="AS35" s="439"/>
      <c r="AT35" s="557"/>
      <c r="AU35" s="552"/>
      <c r="AV35" s="545"/>
      <c r="AW35" s="551"/>
      <c r="AX35" s="552"/>
      <c r="AY35" s="552"/>
      <c r="AZ35" s="552"/>
      <c r="BA35" s="552"/>
      <c r="BB35" s="552"/>
      <c r="BC35" s="552"/>
      <c r="BD35" s="552"/>
      <c r="BE35" s="552"/>
      <c r="BF35" s="552"/>
      <c r="BG35" s="552"/>
      <c r="BH35" s="552"/>
      <c r="BI35" s="552"/>
      <c r="BJ35" s="552"/>
      <c r="BK35" s="545"/>
      <c r="BL35" s="551"/>
      <c r="BM35" s="552"/>
      <c r="BN35" s="545"/>
      <c r="BO35" s="551"/>
      <c r="BP35" s="555"/>
      <c r="BQ35" s="544"/>
      <c r="BR35" s="555"/>
      <c r="BS35" s="544"/>
      <c r="BT35" s="545"/>
      <c r="BU35" s="544"/>
      <c r="BV35" s="545"/>
      <c r="BW35" s="551"/>
      <c r="BX35" s="552"/>
      <c r="BY35" s="552"/>
      <c r="BZ35" s="552"/>
      <c r="CA35" s="552"/>
      <c r="CB35" s="552"/>
      <c r="CC35" s="555"/>
      <c r="CD35" s="448" t="s">
        <v>60</v>
      </c>
      <c r="CE35" s="206"/>
      <c r="CF35" s="205"/>
      <c r="CG35" s="205"/>
      <c r="CH35" s="206"/>
      <c r="CI35" s="304"/>
      <c r="CJ35" s="305"/>
      <c r="CK35" s="306"/>
      <c r="CL35" s="551"/>
      <c r="CM35" s="552"/>
      <c r="CN35" s="553"/>
    </row>
    <row r="36" spans="1:92" ht="12" customHeight="1" x14ac:dyDescent="0.2">
      <c r="A36" s="410"/>
      <c r="B36" s="234">
        <f>B34+1</f>
        <v>26</v>
      </c>
      <c r="C36" s="548"/>
      <c r="D36" s="549"/>
      <c r="E36" s="549"/>
      <c r="F36" s="549"/>
      <c r="G36" s="549"/>
      <c r="H36" s="549"/>
      <c r="I36" s="549"/>
      <c r="J36" s="549"/>
      <c r="K36" s="543"/>
      <c r="L36" s="548"/>
      <c r="M36" s="549"/>
      <c r="N36" s="549"/>
      <c r="O36" s="543"/>
      <c r="P36" s="548"/>
      <c r="Q36" s="549"/>
      <c r="R36" s="549"/>
      <c r="S36" s="549"/>
      <c r="T36" s="549"/>
      <c r="U36" s="549"/>
      <c r="V36" s="554"/>
      <c r="W36" s="437" t="s">
        <v>58</v>
      </c>
      <c r="X36" s="438"/>
      <c r="Y36" s="439" t="s">
        <v>59</v>
      </c>
      <c r="Z36" s="439"/>
      <c r="AA36" s="561"/>
      <c r="AB36" s="562"/>
      <c r="AC36" s="536"/>
      <c r="AD36" s="562"/>
      <c r="AE36" s="536"/>
      <c r="AF36" s="537"/>
      <c r="AG36" s="536"/>
      <c r="AH36" s="537"/>
      <c r="AI36" s="565"/>
      <c r="AJ36" s="566"/>
      <c r="AK36" s="566"/>
      <c r="AL36" s="566"/>
      <c r="AM36" s="566"/>
      <c r="AN36" s="566"/>
      <c r="AO36" s="562"/>
      <c r="AP36" s="437" t="s">
        <v>58</v>
      </c>
      <c r="AQ36" s="438"/>
      <c r="AR36" s="439" t="s">
        <v>59</v>
      </c>
      <c r="AS36" s="439"/>
      <c r="AT36" s="556"/>
      <c r="AU36" s="549"/>
      <c r="AV36" s="543"/>
      <c r="AW36" s="548"/>
      <c r="AX36" s="549"/>
      <c r="AY36" s="549"/>
      <c r="AZ36" s="549"/>
      <c r="BA36" s="549"/>
      <c r="BB36" s="549"/>
      <c r="BC36" s="549"/>
      <c r="BD36" s="549"/>
      <c r="BE36" s="549"/>
      <c r="BF36" s="549"/>
      <c r="BG36" s="549"/>
      <c r="BH36" s="549"/>
      <c r="BI36" s="549"/>
      <c r="BJ36" s="549"/>
      <c r="BK36" s="543"/>
      <c r="BL36" s="548"/>
      <c r="BM36" s="549"/>
      <c r="BN36" s="543"/>
      <c r="BO36" s="548"/>
      <c r="BP36" s="554"/>
      <c r="BQ36" s="542"/>
      <c r="BR36" s="554"/>
      <c r="BS36" s="542"/>
      <c r="BT36" s="543"/>
      <c r="BU36" s="542"/>
      <c r="BV36" s="543"/>
      <c r="BW36" s="548"/>
      <c r="BX36" s="549"/>
      <c r="BY36" s="549"/>
      <c r="BZ36" s="549"/>
      <c r="CA36" s="549"/>
      <c r="CB36" s="549"/>
      <c r="CC36" s="554"/>
      <c r="CD36" s="437" t="s">
        <v>58</v>
      </c>
      <c r="CE36" s="234"/>
      <c r="CF36" s="233" t="s">
        <v>183</v>
      </c>
      <c r="CG36" s="233"/>
      <c r="CH36" s="234"/>
      <c r="CI36" s="547"/>
      <c r="CJ36" s="302"/>
      <c r="CK36" s="303"/>
      <c r="CL36" s="548"/>
      <c r="CM36" s="549"/>
      <c r="CN36" s="550"/>
    </row>
    <row r="37" spans="1:92" ht="12" customHeight="1" x14ac:dyDescent="0.2">
      <c r="A37" s="410"/>
      <c r="B37" s="206"/>
      <c r="C37" s="551"/>
      <c r="D37" s="552"/>
      <c r="E37" s="552"/>
      <c r="F37" s="552"/>
      <c r="G37" s="552"/>
      <c r="H37" s="552"/>
      <c r="I37" s="552"/>
      <c r="J37" s="552"/>
      <c r="K37" s="545"/>
      <c r="L37" s="551"/>
      <c r="M37" s="552"/>
      <c r="N37" s="552"/>
      <c r="O37" s="545"/>
      <c r="P37" s="551"/>
      <c r="Q37" s="552"/>
      <c r="R37" s="552"/>
      <c r="S37" s="552"/>
      <c r="T37" s="552"/>
      <c r="U37" s="552"/>
      <c r="V37" s="555"/>
      <c r="W37" s="448" t="s">
        <v>60</v>
      </c>
      <c r="X37" s="449"/>
      <c r="Y37" s="439"/>
      <c r="Z37" s="439"/>
      <c r="AA37" s="563"/>
      <c r="AB37" s="564"/>
      <c r="AC37" s="538"/>
      <c r="AD37" s="564"/>
      <c r="AE37" s="538"/>
      <c r="AF37" s="539"/>
      <c r="AG37" s="538"/>
      <c r="AH37" s="539"/>
      <c r="AI37" s="567"/>
      <c r="AJ37" s="568"/>
      <c r="AK37" s="568"/>
      <c r="AL37" s="568"/>
      <c r="AM37" s="568"/>
      <c r="AN37" s="568"/>
      <c r="AO37" s="564"/>
      <c r="AP37" s="448" t="s">
        <v>60</v>
      </c>
      <c r="AQ37" s="449"/>
      <c r="AR37" s="439"/>
      <c r="AS37" s="439"/>
      <c r="AT37" s="557"/>
      <c r="AU37" s="552"/>
      <c r="AV37" s="545"/>
      <c r="AW37" s="551"/>
      <c r="AX37" s="552"/>
      <c r="AY37" s="552"/>
      <c r="AZ37" s="552"/>
      <c r="BA37" s="552"/>
      <c r="BB37" s="552"/>
      <c r="BC37" s="552"/>
      <c r="BD37" s="552"/>
      <c r="BE37" s="552"/>
      <c r="BF37" s="552"/>
      <c r="BG37" s="552"/>
      <c r="BH37" s="552"/>
      <c r="BI37" s="552"/>
      <c r="BJ37" s="552"/>
      <c r="BK37" s="545"/>
      <c r="BL37" s="551"/>
      <c r="BM37" s="552"/>
      <c r="BN37" s="545"/>
      <c r="BO37" s="551"/>
      <c r="BP37" s="555"/>
      <c r="BQ37" s="544"/>
      <c r="BR37" s="555"/>
      <c r="BS37" s="544"/>
      <c r="BT37" s="545"/>
      <c r="BU37" s="544"/>
      <c r="BV37" s="545"/>
      <c r="BW37" s="551"/>
      <c r="BX37" s="552"/>
      <c r="BY37" s="552"/>
      <c r="BZ37" s="552"/>
      <c r="CA37" s="552"/>
      <c r="CB37" s="552"/>
      <c r="CC37" s="555"/>
      <c r="CD37" s="448" t="s">
        <v>60</v>
      </c>
      <c r="CE37" s="206"/>
      <c r="CF37" s="205"/>
      <c r="CG37" s="205"/>
      <c r="CH37" s="206"/>
      <c r="CI37" s="304"/>
      <c r="CJ37" s="305"/>
      <c r="CK37" s="306"/>
      <c r="CL37" s="551"/>
      <c r="CM37" s="552"/>
      <c r="CN37" s="553"/>
    </row>
    <row r="38" spans="1:92" ht="12" customHeight="1" x14ac:dyDescent="0.2">
      <c r="A38" s="410"/>
      <c r="B38" s="234">
        <f>B36+1</f>
        <v>27</v>
      </c>
      <c r="C38" s="548"/>
      <c r="D38" s="549"/>
      <c r="E38" s="549"/>
      <c r="F38" s="549"/>
      <c r="G38" s="549"/>
      <c r="H38" s="549"/>
      <c r="I38" s="549"/>
      <c r="J38" s="549"/>
      <c r="K38" s="543"/>
      <c r="L38" s="548"/>
      <c r="M38" s="549"/>
      <c r="N38" s="549"/>
      <c r="O38" s="543"/>
      <c r="P38" s="548"/>
      <c r="Q38" s="549"/>
      <c r="R38" s="549"/>
      <c r="S38" s="549"/>
      <c r="T38" s="549"/>
      <c r="U38" s="549"/>
      <c r="V38" s="554"/>
      <c r="W38" s="437" t="s">
        <v>58</v>
      </c>
      <c r="X38" s="438"/>
      <c r="Y38" s="439" t="s">
        <v>59</v>
      </c>
      <c r="Z38" s="439"/>
      <c r="AA38" s="561"/>
      <c r="AB38" s="562"/>
      <c r="AC38" s="536"/>
      <c r="AD38" s="562"/>
      <c r="AE38" s="536"/>
      <c r="AF38" s="537"/>
      <c r="AG38" s="536"/>
      <c r="AH38" s="537"/>
      <c r="AI38" s="565"/>
      <c r="AJ38" s="566"/>
      <c r="AK38" s="566"/>
      <c r="AL38" s="566"/>
      <c r="AM38" s="566"/>
      <c r="AN38" s="566"/>
      <c r="AO38" s="562"/>
      <c r="AP38" s="437" t="s">
        <v>58</v>
      </c>
      <c r="AQ38" s="438"/>
      <c r="AR38" s="439" t="s">
        <v>59</v>
      </c>
      <c r="AS38" s="439"/>
      <c r="AT38" s="556"/>
      <c r="AU38" s="549"/>
      <c r="AV38" s="543"/>
      <c r="AW38" s="548"/>
      <c r="AX38" s="549"/>
      <c r="AY38" s="549"/>
      <c r="AZ38" s="549"/>
      <c r="BA38" s="549"/>
      <c r="BB38" s="549"/>
      <c r="BC38" s="549"/>
      <c r="BD38" s="549"/>
      <c r="BE38" s="549"/>
      <c r="BF38" s="549"/>
      <c r="BG38" s="549"/>
      <c r="BH38" s="549"/>
      <c r="BI38" s="549"/>
      <c r="BJ38" s="549"/>
      <c r="BK38" s="543"/>
      <c r="BL38" s="548"/>
      <c r="BM38" s="549"/>
      <c r="BN38" s="543"/>
      <c r="BO38" s="548"/>
      <c r="BP38" s="554"/>
      <c r="BQ38" s="542"/>
      <c r="BR38" s="554"/>
      <c r="BS38" s="542"/>
      <c r="BT38" s="543"/>
      <c r="BU38" s="542"/>
      <c r="BV38" s="543"/>
      <c r="BW38" s="548"/>
      <c r="BX38" s="549"/>
      <c r="BY38" s="549"/>
      <c r="BZ38" s="549"/>
      <c r="CA38" s="549"/>
      <c r="CB38" s="549"/>
      <c r="CC38" s="554"/>
      <c r="CD38" s="437" t="s">
        <v>58</v>
      </c>
      <c r="CE38" s="234"/>
      <c r="CF38" s="233" t="s">
        <v>183</v>
      </c>
      <c r="CG38" s="233"/>
      <c r="CH38" s="234"/>
      <c r="CI38" s="547"/>
      <c r="CJ38" s="302"/>
      <c r="CK38" s="303"/>
      <c r="CL38" s="548"/>
      <c r="CM38" s="549"/>
      <c r="CN38" s="550"/>
    </row>
    <row r="39" spans="1:92" ht="12" customHeight="1" x14ac:dyDescent="0.2">
      <c r="A39" s="410"/>
      <c r="B39" s="206"/>
      <c r="C39" s="551"/>
      <c r="D39" s="552"/>
      <c r="E39" s="552"/>
      <c r="F39" s="552"/>
      <c r="G39" s="552"/>
      <c r="H39" s="552"/>
      <c r="I39" s="552"/>
      <c r="J39" s="552"/>
      <c r="K39" s="545"/>
      <c r="L39" s="551"/>
      <c r="M39" s="552"/>
      <c r="N39" s="552"/>
      <c r="O39" s="545"/>
      <c r="P39" s="551"/>
      <c r="Q39" s="552"/>
      <c r="R39" s="552"/>
      <c r="S39" s="552"/>
      <c r="T39" s="552"/>
      <c r="U39" s="552"/>
      <c r="V39" s="555"/>
      <c r="W39" s="448" t="s">
        <v>60</v>
      </c>
      <c r="X39" s="449"/>
      <c r="Y39" s="439"/>
      <c r="Z39" s="439"/>
      <c r="AA39" s="563"/>
      <c r="AB39" s="564"/>
      <c r="AC39" s="538"/>
      <c r="AD39" s="564"/>
      <c r="AE39" s="538"/>
      <c r="AF39" s="539"/>
      <c r="AG39" s="538"/>
      <c r="AH39" s="539"/>
      <c r="AI39" s="567"/>
      <c r="AJ39" s="568"/>
      <c r="AK39" s="568"/>
      <c r="AL39" s="568"/>
      <c r="AM39" s="568"/>
      <c r="AN39" s="568"/>
      <c r="AO39" s="564"/>
      <c r="AP39" s="448" t="s">
        <v>60</v>
      </c>
      <c r="AQ39" s="449"/>
      <c r="AR39" s="439"/>
      <c r="AS39" s="439"/>
      <c r="AT39" s="557"/>
      <c r="AU39" s="552"/>
      <c r="AV39" s="545"/>
      <c r="AW39" s="551"/>
      <c r="AX39" s="552"/>
      <c r="AY39" s="552"/>
      <c r="AZ39" s="552"/>
      <c r="BA39" s="552"/>
      <c r="BB39" s="552"/>
      <c r="BC39" s="552"/>
      <c r="BD39" s="552"/>
      <c r="BE39" s="552"/>
      <c r="BF39" s="552"/>
      <c r="BG39" s="552"/>
      <c r="BH39" s="552"/>
      <c r="BI39" s="552"/>
      <c r="BJ39" s="552"/>
      <c r="BK39" s="545"/>
      <c r="BL39" s="551"/>
      <c r="BM39" s="552"/>
      <c r="BN39" s="545"/>
      <c r="BO39" s="551"/>
      <c r="BP39" s="555"/>
      <c r="BQ39" s="544"/>
      <c r="BR39" s="555"/>
      <c r="BS39" s="544"/>
      <c r="BT39" s="545"/>
      <c r="BU39" s="544"/>
      <c r="BV39" s="545"/>
      <c r="BW39" s="551"/>
      <c r="BX39" s="552"/>
      <c r="BY39" s="552"/>
      <c r="BZ39" s="552"/>
      <c r="CA39" s="552"/>
      <c r="CB39" s="552"/>
      <c r="CC39" s="555"/>
      <c r="CD39" s="448" t="s">
        <v>60</v>
      </c>
      <c r="CE39" s="206"/>
      <c r="CF39" s="205"/>
      <c r="CG39" s="205"/>
      <c r="CH39" s="206"/>
      <c r="CI39" s="304"/>
      <c r="CJ39" s="305"/>
      <c r="CK39" s="306"/>
      <c r="CL39" s="551"/>
      <c r="CM39" s="552"/>
      <c r="CN39" s="553"/>
    </row>
    <row r="40" spans="1:92" ht="12" customHeight="1" x14ac:dyDescent="0.2">
      <c r="A40" s="410"/>
      <c r="B40" s="234">
        <f>B38+1</f>
        <v>28</v>
      </c>
      <c r="C40" s="436"/>
      <c r="D40" s="292"/>
      <c r="E40" s="292"/>
      <c r="F40" s="292"/>
      <c r="G40" s="292"/>
      <c r="H40" s="292"/>
      <c r="I40" s="292"/>
      <c r="J40" s="292"/>
      <c r="K40" s="352"/>
      <c r="L40" s="440"/>
      <c r="M40" s="441"/>
      <c r="N40" s="441"/>
      <c r="O40" s="442"/>
      <c r="P40" s="436"/>
      <c r="Q40" s="292"/>
      <c r="R40" s="292"/>
      <c r="S40" s="292"/>
      <c r="T40" s="292"/>
      <c r="U40" s="292"/>
      <c r="V40" s="446"/>
      <c r="W40" s="437" t="s">
        <v>58</v>
      </c>
      <c r="X40" s="438"/>
      <c r="Y40" s="439" t="s">
        <v>59</v>
      </c>
      <c r="Z40" s="439"/>
      <c r="AA40" s="580"/>
      <c r="AB40" s="573"/>
      <c r="AC40" s="536"/>
      <c r="AD40" s="562"/>
      <c r="AE40" s="536"/>
      <c r="AF40" s="537"/>
      <c r="AG40" s="536"/>
      <c r="AH40" s="537"/>
      <c r="AI40" s="576"/>
      <c r="AJ40" s="577"/>
      <c r="AK40" s="577"/>
      <c r="AL40" s="577"/>
      <c r="AM40" s="577"/>
      <c r="AN40" s="577"/>
      <c r="AO40" s="573"/>
      <c r="AP40" s="437" t="s">
        <v>58</v>
      </c>
      <c r="AQ40" s="438"/>
      <c r="AR40" s="439" t="s">
        <v>59</v>
      </c>
      <c r="AS40" s="439"/>
      <c r="AT40" s="556"/>
      <c r="AU40" s="549"/>
      <c r="AV40" s="543"/>
      <c r="AW40" s="548"/>
      <c r="AX40" s="549"/>
      <c r="AY40" s="549"/>
      <c r="AZ40" s="549"/>
      <c r="BA40" s="549"/>
      <c r="BB40" s="549"/>
      <c r="BC40" s="549"/>
      <c r="BD40" s="549"/>
      <c r="BE40" s="549"/>
      <c r="BF40" s="549"/>
      <c r="BG40" s="549"/>
      <c r="BH40" s="549"/>
      <c r="BI40" s="549"/>
      <c r="BJ40" s="549"/>
      <c r="BK40" s="543"/>
      <c r="BL40" s="548"/>
      <c r="BM40" s="549"/>
      <c r="BN40" s="543"/>
      <c r="BO40" s="548"/>
      <c r="BP40" s="554"/>
      <c r="BQ40" s="542"/>
      <c r="BR40" s="554"/>
      <c r="BS40" s="542"/>
      <c r="BT40" s="543"/>
      <c r="BU40" s="542"/>
      <c r="BV40" s="543"/>
      <c r="BW40" s="548"/>
      <c r="BX40" s="549"/>
      <c r="BY40" s="549"/>
      <c r="BZ40" s="549"/>
      <c r="CA40" s="549"/>
      <c r="CB40" s="549"/>
      <c r="CC40" s="554"/>
      <c r="CD40" s="437" t="s">
        <v>58</v>
      </c>
      <c r="CE40" s="234"/>
      <c r="CF40" s="233" t="s">
        <v>183</v>
      </c>
      <c r="CG40" s="233"/>
      <c r="CH40" s="234"/>
      <c r="CI40" s="547"/>
      <c r="CJ40" s="302"/>
      <c r="CK40" s="303"/>
      <c r="CL40" s="548"/>
      <c r="CM40" s="549"/>
      <c r="CN40" s="550"/>
    </row>
    <row r="41" spans="1:92" ht="12" customHeight="1" x14ac:dyDescent="0.2">
      <c r="A41" s="410"/>
      <c r="B41" s="206"/>
      <c r="C41" s="296"/>
      <c r="D41" s="297"/>
      <c r="E41" s="297"/>
      <c r="F41" s="297"/>
      <c r="G41" s="297"/>
      <c r="H41" s="297"/>
      <c r="I41" s="297"/>
      <c r="J41" s="297"/>
      <c r="K41" s="353"/>
      <c r="L41" s="443"/>
      <c r="M41" s="444"/>
      <c r="N41" s="444"/>
      <c r="O41" s="445"/>
      <c r="P41" s="296"/>
      <c r="Q41" s="297"/>
      <c r="R41" s="297"/>
      <c r="S41" s="297"/>
      <c r="T41" s="297"/>
      <c r="U41" s="297"/>
      <c r="V41" s="447"/>
      <c r="W41" s="448" t="s">
        <v>60</v>
      </c>
      <c r="X41" s="449"/>
      <c r="Y41" s="439"/>
      <c r="Z41" s="439"/>
      <c r="AA41" s="574"/>
      <c r="AB41" s="575"/>
      <c r="AC41" s="538"/>
      <c r="AD41" s="564"/>
      <c r="AE41" s="538"/>
      <c r="AF41" s="539"/>
      <c r="AG41" s="538"/>
      <c r="AH41" s="539"/>
      <c r="AI41" s="578"/>
      <c r="AJ41" s="579"/>
      <c r="AK41" s="579"/>
      <c r="AL41" s="579"/>
      <c r="AM41" s="579"/>
      <c r="AN41" s="579"/>
      <c r="AO41" s="575"/>
      <c r="AP41" s="448" t="s">
        <v>60</v>
      </c>
      <c r="AQ41" s="449"/>
      <c r="AR41" s="439"/>
      <c r="AS41" s="439"/>
      <c r="AT41" s="557"/>
      <c r="AU41" s="552"/>
      <c r="AV41" s="545"/>
      <c r="AW41" s="551"/>
      <c r="AX41" s="552"/>
      <c r="AY41" s="552"/>
      <c r="AZ41" s="552"/>
      <c r="BA41" s="552"/>
      <c r="BB41" s="552"/>
      <c r="BC41" s="552"/>
      <c r="BD41" s="552"/>
      <c r="BE41" s="552"/>
      <c r="BF41" s="552"/>
      <c r="BG41" s="552"/>
      <c r="BH41" s="552"/>
      <c r="BI41" s="552"/>
      <c r="BJ41" s="552"/>
      <c r="BK41" s="545"/>
      <c r="BL41" s="551"/>
      <c r="BM41" s="552"/>
      <c r="BN41" s="545"/>
      <c r="BO41" s="551"/>
      <c r="BP41" s="555"/>
      <c r="BQ41" s="544"/>
      <c r="BR41" s="555"/>
      <c r="BS41" s="544"/>
      <c r="BT41" s="545"/>
      <c r="BU41" s="544"/>
      <c r="BV41" s="545"/>
      <c r="BW41" s="551"/>
      <c r="BX41" s="552"/>
      <c r="BY41" s="552"/>
      <c r="BZ41" s="552"/>
      <c r="CA41" s="552"/>
      <c r="CB41" s="552"/>
      <c r="CC41" s="555"/>
      <c r="CD41" s="448" t="s">
        <v>60</v>
      </c>
      <c r="CE41" s="206"/>
      <c r="CF41" s="205"/>
      <c r="CG41" s="205"/>
      <c r="CH41" s="206"/>
      <c r="CI41" s="304"/>
      <c r="CJ41" s="305"/>
      <c r="CK41" s="306"/>
      <c r="CL41" s="551"/>
      <c r="CM41" s="552"/>
      <c r="CN41" s="553"/>
    </row>
    <row r="42" spans="1:92" ht="12" customHeight="1" x14ac:dyDescent="0.2">
      <c r="A42" s="410"/>
      <c r="B42" s="234">
        <f>B40+1</f>
        <v>29</v>
      </c>
      <c r="C42" s="436"/>
      <c r="D42" s="292"/>
      <c r="E42" s="292"/>
      <c r="F42" s="292"/>
      <c r="G42" s="292"/>
      <c r="H42" s="292"/>
      <c r="I42" s="292"/>
      <c r="J42" s="292"/>
      <c r="K42" s="352"/>
      <c r="L42" s="440"/>
      <c r="M42" s="441"/>
      <c r="N42" s="441"/>
      <c r="O42" s="442"/>
      <c r="P42" s="436"/>
      <c r="Q42" s="292"/>
      <c r="R42" s="292"/>
      <c r="S42" s="292"/>
      <c r="T42" s="292"/>
      <c r="U42" s="292"/>
      <c r="V42" s="446"/>
      <c r="W42" s="437" t="s">
        <v>58</v>
      </c>
      <c r="X42" s="438"/>
      <c r="Y42" s="439" t="s">
        <v>59</v>
      </c>
      <c r="Z42" s="439"/>
      <c r="AA42" s="580"/>
      <c r="AB42" s="573"/>
      <c r="AC42" s="581"/>
      <c r="AD42" s="573"/>
      <c r="AE42" s="536"/>
      <c r="AF42" s="537"/>
      <c r="AG42" s="536"/>
      <c r="AH42" s="537"/>
      <c r="AI42" s="576"/>
      <c r="AJ42" s="577"/>
      <c r="AK42" s="577"/>
      <c r="AL42" s="577"/>
      <c r="AM42" s="577"/>
      <c r="AN42" s="577"/>
      <c r="AO42" s="573"/>
      <c r="AP42" s="437" t="s">
        <v>58</v>
      </c>
      <c r="AQ42" s="438"/>
      <c r="AR42" s="439" t="s">
        <v>59</v>
      </c>
      <c r="AS42" s="439"/>
      <c r="AT42" s="556"/>
      <c r="AU42" s="549"/>
      <c r="AV42" s="543"/>
      <c r="AW42" s="548"/>
      <c r="AX42" s="549"/>
      <c r="AY42" s="549"/>
      <c r="AZ42" s="549"/>
      <c r="BA42" s="549"/>
      <c r="BB42" s="549"/>
      <c r="BC42" s="549"/>
      <c r="BD42" s="549"/>
      <c r="BE42" s="549"/>
      <c r="BF42" s="549"/>
      <c r="BG42" s="549"/>
      <c r="BH42" s="549"/>
      <c r="BI42" s="549"/>
      <c r="BJ42" s="549"/>
      <c r="BK42" s="543"/>
      <c r="BL42" s="548"/>
      <c r="BM42" s="549"/>
      <c r="BN42" s="543"/>
      <c r="BO42" s="548"/>
      <c r="BP42" s="554"/>
      <c r="BQ42" s="542"/>
      <c r="BR42" s="554"/>
      <c r="BS42" s="542"/>
      <c r="BT42" s="543"/>
      <c r="BU42" s="542"/>
      <c r="BV42" s="543"/>
      <c r="BW42" s="548"/>
      <c r="BX42" s="549"/>
      <c r="BY42" s="549"/>
      <c r="BZ42" s="549"/>
      <c r="CA42" s="549"/>
      <c r="CB42" s="549"/>
      <c r="CC42" s="554"/>
      <c r="CD42" s="437" t="s">
        <v>58</v>
      </c>
      <c r="CE42" s="234"/>
      <c r="CF42" s="233" t="s">
        <v>183</v>
      </c>
      <c r="CG42" s="233"/>
      <c r="CH42" s="234"/>
      <c r="CI42" s="547"/>
      <c r="CJ42" s="302"/>
      <c r="CK42" s="303"/>
      <c r="CL42" s="548"/>
      <c r="CM42" s="549"/>
      <c r="CN42" s="550"/>
    </row>
    <row r="43" spans="1:92" ht="12" customHeight="1" x14ac:dyDescent="0.2">
      <c r="A43" s="410"/>
      <c r="B43" s="206"/>
      <c r="C43" s="296"/>
      <c r="D43" s="297"/>
      <c r="E43" s="297"/>
      <c r="F43" s="297"/>
      <c r="G43" s="297"/>
      <c r="H43" s="297"/>
      <c r="I43" s="297"/>
      <c r="J43" s="297"/>
      <c r="K43" s="353"/>
      <c r="L43" s="443"/>
      <c r="M43" s="444"/>
      <c r="N43" s="444"/>
      <c r="O43" s="445"/>
      <c r="P43" s="296"/>
      <c r="Q43" s="297"/>
      <c r="R43" s="297"/>
      <c r="S43" s="297"/>
      <c r="T43" s="297"/>
      <c r="U43" s="297"/>
      <c r="V43" s="447"/>
      <c r="W43" s="448" t="s">
        <v>60</v>
      </c>
      <c r="X43" s="449"/>
      <c r="Y43" s="439"/>
      <c r="Z43" s="439"/>
      <c r="AA43" s="574"/>
      <c r="AB43" s="575"/>
      <c r="AC43" s="582"/>
      <c r="AD43" s="575"/>
      <c r="AE43" s="538"/>
      <c r="AF43" s="539"/>
      <c r="AG43" s="538"/>
      <c r="AH43" s="539"/>
      <c r="AI43" s="578"/>
      <c r="AJ43" s="579"/>
      <c r="AK43" s="579"/>
      <c r="AL43" s="579"/>
      <c r="AM43" s="579"/>
      <c r="AN43" s="579"/>
      <c r="AO43" s="575"/>
      <c r="AP43" s="448" t="s">
        <v>60</v>
      </c>
      <c r="AQ43" s="449"/>
      <c r="AR43" s="439"/>
      <c r="AS43" s="439"/>
      <c r="AT43" s="557"/>
      <c r="AU43" s="552"/>
      <c r="AV43" s="545"/>
      <c r="AW43" s="551"/>
      <c r="AX43" s="552"/>
      <c r="AY43" s="552"/>
      <c r="AZ43" s="552"/>
      <c r="BA43" s="552"/>
      <c r="BB43" s="552"/>
      <c r="BC43" s="552"/>
      <c r="BD43" s="552"/>
      <c r="BE43" s="552"/>
      <c r="BF43" s="552"/>
      <c r="BG43" s="552"/>
      <c r="BH43" s="552"/>
      <c r="BI43" s="552"/>
      <c r="BJ43" s="552"/>
      <c r="BK43" s="545"/>
      <c r="BL43" s="551"/>
      <c r="BM43" s="552"/>
      <c r="BN43" s="545"/>
      <c r="BO43" s="551"/>
      <c r="BP43" s="555"/>
      <c r="BQ43" s="544"/>
      <c r="BR43" s="555"/>
      <c r="BS43" s="544"/>
      <c r="BT43" s="545"/>
      <c r="BU43" s="544"/>
      <c r="BV43" s="545"/>
      <c r="BW43" s="551"/>
      <c r="BX43" s="552"/>
      <c r="BY43" s="552"/>
      <c r="BZ43" s="552"/>
      <c r="CA43" s="552"/>
      <c r="CB43" s="552"/>
      <c r="CC43" s="555"/>
      <c r="CD43" s="448" t="s">
        <v>60</v>
      </c>
      <c r="CE43" s="206"/>
      <c r="CF43" s="205"/>
      <c r="CG43" s="205"/>
      <c r="CH43" s="206"/>
      <c r="CI43" s="304"/>
      <c r="CJ43" s="305"/>
      <c r="CK43" s="306"/>
      <c r="CL43" s="551"/>
      <c r="CM43" s="552"/>
      <c r="CN43" s="553"/>
    </row>
    <row r="44" spans="1:92" ht="12" customHeight="1" x14ac:dyDescent="0.2">
      <c r="A44" s="410"/>
      <c r="B44" s="234">
        <f>B42+1</f>
        <v>30</v>
      </c>
      <c r="C44" s="436"/>
      <c r="D44" s="292"/>
      <c r="E44" s="292"/>
      <c r="F44" s="292"/>
      <c r="G44" s="292"/>
      <c r="H44" s="292"/>
      <c r="I44" s="292"/>
      <c r="J44" s="292"/>
      <c r="K44" s="352"/>
      <c r="L44" s="440"/>
      <c r="M44" s="441"/>
      <c r="N44" s="441"/>
      <c r="O44" s="442"/>
      <c r="P44" s="436"/>
      <c r="Q44" s="292"/>
      <c r="R44" s="292"/>
      <c r="S44" s="292"/>
      <c r="T44" s="292"/>
      <c r="U44" s="292"/>
      <c r="V44" s="446"/>
      <c r="W44" s="437" t="s">
        <v>58</v>
      </c>
      <c r="X44" s="438"/>
      <c r="Y44" s="439" t="s">
        <v>59</v>
      </c>
      <c r="Z44" s="439"/>
      <c r="AA44" s="572"/>
      <c r="AB44" s="573"/>
      <c r="AC44" s="536"/>
      <c r="AD44" s="562"/>
      <c r="AE44" s="536"/>
      <c r="AF44" s="537"/>
      <c r="AG44" s="536"/>
      <c r="AH44" s="537"/>
      <c r="AI44" s="576"/>
      <c r="AJ44" s="577"/>
      <c r="AK44" s="577"/>
      <c r="AL44" s="577"/>
      <c r="AM44" s="577"/>
      <c r="AN44" s="577"/>
      <c r="AO44" s="573"/>
      <c r="AP44" s="437" t="s">
        <v>58</v>
      </c>
      <c r="AQ44" s="438"/>
      <c r="AR44" s="439" t="s">
        <v>59</v>
      </c>
      <c r="AS44" s="439"/>
      <c r="AT44" s="478"/>
      <c r="AU44" s="292"/>
      <c r="AV44" s="352"/>
      <c r="AW44" s="436"/>
      <c r="AX44" s="292"/>
      <c r="AY44" s="292"/>
      <c r="AZ44" s="292"/>
      <c r="BA44" s="292"/>
      <c r="BB44" s="292"/>
      <c r="BC44" s="292"/>
      <c r="BD44" s="292"/>
      <c r="BE44" s="292"/>
      <c r="BF44" s="292"/>
      <c r="BG44" s="292"/>
      <c r="BH44" s="292"/>
      <c r="BI44" s="292"/>
      <c r="BJ44" s="292"/>
      <c r="BK44" s="352"/>
      <c r="BL44" s="486"/>
      <c r="BM44" s="486"/>
      <c r="BN44" s="486"/>
      <c r="BO44" s="436"/>
      <c r="BP44" s="446"/>
      <c r="BQ44" s="542"/>
      <c r="BR44" s="554"/>
      <c r="BS44" s="542"/>
      <c r="BT44" s="543"/>
      <c r="BU44" s="542"/>
      <c r="BV44" s="543"/>
      <c r="BW44" s="548"/>
      <c r="BX44" s="549"/>
      <c r="BY44" s="549"/>
      <c r="BZ44" s="549"/>
      <c r="CA44" s="549"/>
      <c r="CB44" s="549"/>
      <c r="CC44" s="554"/>
      <c r="CD44" s="437" t="s">
        <v>58</v>
      </c>
      <c r="CE44" s="234"/>
      <c r="CF44" s="233" t="s">
        <v>183</v>
      </c>
      <c r="CG44" s="233"/>
      <c r="CH44" s="234"/>
      <c r="CI44" s="547"/>
      <c r="CJ44" s="302"/>
      <c r="CK44" s="303"/>
      <c r="CL44" s="436"/>
      <c r="CM44" s="292"/>
      <c r="CN44" s="293"/>
    </row>
    <row r="45" spans="1:92" ht="12" customHeight="1" x14ac:dyDescent="0.2">
      <c r="A45" s="410"/>
      <c r="B45" s="206"/>
      <c r="C45" s="296"/>
      <c r="D45" s="297"/>
      <c r="E45" s="297"/>
      <c r="F45" s="297"/>
      <c r="G45" s="297"/>
      <c r="H45" s="297"/>
      <c r="I45" s="297"/>
      <c r="J45" s="297"/>
      <c r="K45" s="353"/>
      <c r="L45" s="443"/>
      <c r="M45" s="444"/>
      <c r="N45" s="444"/>
      <c r="O45" s="445"/>
      <c r="P45" s="296"/>
      <c r="Q45" s="297"/>
      <c r="R45" s="297"/>
      <c r="S45" s="297"/>
      <c r="T45" s="297"/>
      <c r="U45" s="297"/>
      <c r="V45" s="447"/>
      <c r="W45" s="448" t="s">
        <v>60</v>
      </c>
      <c r="X45" s="449"/>
      <c r="Y45" s="439"/>
      <c r="Z45" s="439"/>
      <c r="AA45" s="574"/>
      <c r="AB45" s="575"/>
      <c r="AC45" s="538"/>
      <c r="AD45" s="564"/>
      <c r="AE45" s="538"/>
      <c r="AF45" s="539"/>
      <c r="AG45" s="538"/>
      <c r="AH45" s="539"/>
      <c r="AI45" s="578"/>
      <c r="AJ45" s="579"/>
      <c r="AK45" s="579"/>
      <c r="AL45" s="579"/>
      <c r="AM45" s="579"/>
      <c r="AN45" s="579"/>
      <c r="AO45" s="575"/>
      <c r="AP45" s="448" t="s">
        <v>60</v>
      </c>
      <c r="AQ45" s="449"/>
      <c r="AR45" s="439"/>
      <c r="AS45" s="439"/>
      <c r="AT45" s="479"/>
      <c r="AU45" s="297"/>
      <c r="AV45" s="353"/>
      <c r="AW45" s="296"/>
      <c r="AX45" s="297"/>
      <c r="AY45" s="297"/>
      <c r="AZ45" s="297"/>
      <c r="BA45" s="297"/>
      <c r="BB45" s="297"/>
      <c r="BC45" s="297"/>
      <c r="BD45" s="297"/>
      <c r="BE45" s="297"/>
      <c r="BF45" s="297"/>
      <c r="BG45" s="297"/>
      <c r="BH45" s="297"/>
      <c r="BI45" s="297"/>
      <c r="BJ45" s="297"/>
      <c r="BK45" s="353"/>
      <c r="BL45" s="486"/>
      <c r="BM45" s="486"/>
      <c r="BN45" s="486"/>
      <c r="BO45" s="296"/>
      <c r="BP45" s="447"/>
      <c r="BQ45" s="544"/>
      <c r="BR45" s="555"/>
      <c r="BS45" s="544"/>
      <c r="BT45" s="545"/>
      <c r="BU45" s="544"/>
      <c r="BV45" s="545"/>
      <c r="BW45" s="551"/>
      <c r="BX45" s="552"/>
      <c r="BY45" s="552"/>
      <c r="BZ45" s="552"/>
      <c r="CA45" s="552"/>
      <c r="CB45" s="552"/>
      <c r="CC45" s="555"/>
      <c r="CD45" s="448" t="s">
        <v>60</v>
      </c>
      <c r="CE45" s="206"/>
      <c r="CF45" s="205"/>
      <c r="CG45" s="205"/>
      <c r="CH45" s="206"/>
      <c r="CI45" s="304"/>
      <c r="CJ45" s="305"/>
      <c r="CK45" s="306"/>
      <c r="CL45" s="296"/>
      <c r="CM45" s="297"/>
      <c r="CN45" s="298"/>
    </row>
    <row r="46" spans="1:92" ht="12" customHeight="1" x14ac:dyDescent="0.2">
      <c r="A46" s="410"/>
      <c r="B46" s="234">
        <f>B44+1</f>
        <v>31</v>
      </c>
      <c r="C46" s="436"/>
      <c r="D46" s="292"/>
      <c r="E46" s="292"/>
      <c r="F46" s="292"/>
      <c r="G46" s="292"/>
      <c r="H46" s="292"/>
      <c r="I46" s="292"/>
      <c r="J46" s="292"/>
      <c r="K46" s="352"/>
      <c r="L46" s="571"/>
      <c r="M46" s="571"/>
      <c r="N46" s="571"/>
      <c r="O46" s="571"/>
      <c r="P46" s="436"/>
      <c r="Q46" s="292"/>
      <c r="R46" s="292"/>
      <c r="S46" s="292"/>
      <c r="T46" s="292"/>
      <c r="U46" s="292"/>
      <c r="V46" s="446"/>
      <c r="W46" s="437" t="s">
        <v>58</v>
      </c>
      <c r="X46" s="438"/>
      <c r="Y46" s="439" t="s">
        <v>59</v>
      </c>
      <c r="Z46" s="439"/>
      <c r="AA46" s="561"/>
      <c r="AB46" s="562"/>
      <c r="AC46" s="536"/>
      <c r="AD46" s="562"/>
      <c r="AE46" s="536"/>
      <c r="AF46" s="537"/>
      <c r="AG46" s="536"/>
      <c r="AH46" s="537"/>
      <c r="AI46" s="565"/>
      <c r="AJ46" s="566"/>
      <c r="AK46" s="566"/>
      <c r="AL46" s="566"/>
      <c r="AM46" s="566"/>
      <c r="AN46" s="566"/>
      <c r="AO46" s="562"/>
      <c r="AP46" s="437" t="s">
        <v>58</v>
      </c>
      <c r="AQ46" s="438"/>
      <c r="AR46" s="439" t="s">
        <v>59</v>
      </c>
      <c r="AS46" s="439"/>
      <c r="AT46" s="478"/>
      <c r="AU46" s="292"/>
      <c r="AV46" s="352"/>
      <c r="AW46" s="436"/>
      <c r="AX46" s="292"/>
      <c r="AY46" s="292"/>
      <c r="AZ46" s="292"/>
      <c r="BA46" s="292"/>
      <c r="BB46" s="292"/>
      <c r="BC46" s="292"/>
      <c r="BD46" s="292"/>
      <c r="BE46" s="292"/>
      <c r="BF46" s="292"/>
      <c r="BG46" s="292"/>
      <c r="BH46" s="292"/>
      <c r="BI46" s="292"/>
      <c r="BJ46" s="292"/>
      <c r="BK46" s="352"/>
      <c r="BL46" s="486"/>
      <c r="BM46" s="486"/>
      <c r="BN46" s="486"/>
      <c r="BO46" s="548"/>
      <c r="BP46" s="554"/>
      <c r="BQ46" s="542"/>
      <c r="BR46" s="554"/>
      <c r="BS46" s="542"/>
      <c r="BT46" s="543"/>
      <c r="BU46" s="542"/>
      <c r="BV46" s="543"/>
      <c r="BW46" s="548"/>
      <c r="BX46" s="549"/>
      <c r="BY46" s="549"/>
      <c r="BZ46" s="549"/>
      <c r="CA46" s="549"/>
      <c r="CB46" s="549"/>
      <c r="CC46" s="554"/>
      <c r="CD46" s="437" t="s">
        <v>58</v>
      </c>
      <c r="CE46" s="234"/>
      <c r="CF46" s="233" t="s">
        <v>183</v>
      </c>
      <c r="CG46" s="233"/>
      <c r="CH46" s="234"/>
      <c r="CI46" s="547"/>
      <c r="CJ46" s="302"/>
      <c r="CK46" s="303"/>
      <c r="CL46" s="436"/>
      <c r="CM46" s="292"/>
      <c r="CN46" s="293"/>
    </row>
    <row r="47" spans="1:92" ht="12" customHeight="1" x14ac:dyDescent="0.2">
      <c r="A47" s="410"/>
      <c r="B47" s="206"/>
      <c r="C47" s="296"/>
      <c r="D47" s="297"/>
      <c r="E47" s="297"/>
      <c r="F47" s="297"/>
      <c r="G47" s="297"/>
      <c r="H47" s="297"/>
      <c r="I47" s="297"/>
      <c r="J47" s="297"/>
      <c r="K47" s="353"/>
      <c r="L47" s="571"/>
      <c r="M47" s="571"/>
      <c r="N47" s="571"/>
      <c r="O47" s="571"/>
      <c r="P47" s="296"/>
      <c r="Q47" s="297"/>
      <c r="R47" s="297"/>
      <c r="S47" s="297"/>
      <c r="T47" s="297"/>
      <c r="U47" s="297"/>
      <c r="V47" s="447"/>
      <c r="W47" s="448" t="s">
        <v>60</v>
      </c>
      <c r="X47" s="449"/>
      <c r="Y47" s="439"/>
      <c r="Z47" s="439"/>
      <c r="AA47" s="563"/>
      <c r="AB47" s="564"/>
      <c r="AC47" s="538"/>
      <c r="AD47" s="564"/>
      <c r="AE47" s="538"/>
      <c r="AF47" s="539"/>
      <c r="AG47" s="538"/>
      <c r="AH47" s="539"/>
      <c r="AI47" s="567"/>
      <c r="AJ47" s="568"/>
      <c r="AK47" s="568"/>
      <c r="AL47" s="568"/>
      <c r="AM47" s="568"/>
      <c r="AN47" s="568"/>
      <c r="AO47" s="564"/>
      <c r="AP47" s="448" t="s">
        <v>60</v>
      </c>
      <c r="AQ47" s="449"/>
      <c r="AR47" s="439"/>
      <c r="AS47" s="439"/>
      <c r="AT47" s="479"/>
      <c r="AU47" s="297"/>
      <c r="AV47" s="353"/>
      <c r="AW47" s="296"/>
      <c r="AX47" s="297"/>
      <c r="AY47" s="297"/>
      <c r="AZ47" s="297"/>
      <c r="BA47" s="297"/>
      <c r="BB47" s="297"/>
      <c r="BC47" s="297"/>
      <c r="BD47" s="297"/>
      <c r="BE47" s="297"/>
      <c r="BF47" s="297"/>
      <c r="BG47" s="297"/>
      <c r="BH47" s="297"/>
      <c r="BI47" s="297"/>
      <c r="BJ47" s="297"/>
      <c r="BK47" s="353"/>
      <c r="BL47" s="486"/>
      <c r="BM47" s="486"/>
      <c r="BN47" s="486"/>
      <c r="BO47" s="551"/>
      <c r="BP47" s="555"/>
      <c r="BQ47" s="544"/>
      <c r="BR47" s="555"/>
      <c r="BS47" s="544"/>
      <c r="BT47" s="545"/>
      <c r="BU47" s="544"/>
      <c r="BV47" s="545"/>
      <c r="BW47" s="551"/>
      <c r="BX47" s="552"/>
      <c r="BY47" s="552"/>
      <c r="BZ47" s="552"/>
      <c r="CA47" s="552"/>
      <c r="CB47" s="552"/>
      <c r="CC47" s="555"/>
      <c r="CD47" s="448" t="s">
        <v>60</v>
      </c>
      <c r="CE47" s="206"/>
      <c r="CF47" s="205"/>
      <c r="CG47" s="205"/>
      <c r="CH47" s="206"/>
      <c r="CI47" s="304"/>
      <c r="CJ47" s="305"/>
      <c r="CK47" s="306"/>
      <c r="CL47" s="296"/>
      <c r="CM47" s="297"/>
      <c r="CN47" s="298"/>
    </row>
    <row r="48" spans="1:92" ht="12" customHeight="1" x14ac:dyDescent="0.2">
      <c r="A48" s="410"/>
      <c r="B48" s="234">
        <f>B46+1</f>
        <v>32</v>
      </c>
      <c r="C48" s="548"/>
      <c r="D48" s="549"/>
      <c r="E48" s="549"/>
      <c r="F48" s="549"/>
      <c r="G48" s="549"/>
      <c r="H48" s="549"/>
      <c r="I48" s="549"/>
      <c r="J48" s="549"/>
      <c r="K48" s="543"/>
      <c r="L48" s="548"/>
      <c r="M48" s="549"/>
      <c r="N48" s="549"/>
      <c r="O48" s="543"/>
      <c r="P48" s="548"/>
      <c r="Q48" s="549"/>
      <c r="R48" s="549"/>
      <c r="S48" s="549"/>
      <c r="T48" s="549"/>
      <c r="U48" s="549"/>
      <c r="V48" s="554"/>
      <c r="W48" s="437" t="s">
        <v>58</v>
      </c>
      <c r="X48" s="438"/>
      <c r="Y48" s="439" t="s">
        <v>59</v>
      </c>
      <c r="Z48" s="439"/>
      <c r="AA48" s="561"/>
      <c r="AB48" s="562"/>
      <c r="AC48" s="536"/>
      <c r="AD48" s="562"/>
      <c r="AE48" s="536"/>
      <c r="AF48" s="537"/>
      <c r="AG48" s="536"/>
      <c r="AH48" s="537"/>
      <c r="AI48" s="565"/>
      <c r="AJ48" s="566"/>
      <c r="AK48" s="566"/>
      <c r="AL48" s="566"/>
      <c r="AM48" s="566"/>
      <c r="AN48" s="566"/>
      <c r="AO48" s="562"/>
      <c r="AP48" s="437" t="s">
        <v>58</v>
      </c>
      <c r="AQ48" s="438"/>
      <c r="AR48" s="439" t="s">
        <v>59</v>
      </c>
      <c r="AS48" s="439"/>
      <c r="AT48" s="556"/>
      <c r="AU48" s="549"/>
      <c r="AV48" s="543"/>
      <c r="AW48" s="548"/>
      <c r="AX48" s="549"/>
      <c r="AY48" s="549"/>
      <c r="AZ48" s="549"/>
      <c r="BA48" s="549"/>
      <c r="BB48" s="549"/>
      <c r="BC48" s="549"/>
      <c r="BD48" s="549"/>
      <c r="BE48" s="549"/>
      <c r="BF48" s="549"/>
      <c r="BG48" s="549"/>
      <c r="BH48" s="549"/>
      <c r="BI48" s="549"/>
      <c r="BJ48" s="549"/>
      <c r="BK48" s="543"/>
      <c r="BL48" s="548"/>
      <c r="BM48" s="549"/>
      <c r="BN48" s="543"/>
      <c r="BO48" s="548"/>
      <c r="BP48" s="554"/>
      <c r="BQ48" s="542"/>
      <c r="BR48" s="554"/>
      <c r="BS48" s="542"/>
      <c r="BT48" s="543"/>
      <c r="BU48" s="542"/>
      <c r="BV48" s="543"/>
      <c r="BW48" s="548"/>
      <c r="BX48" s="549"/>
      <c r="BY48" s="549"/>
      <c r="BZ48" s="549"/>
      <c r="CA48" s="549"/>
      <c r="CB48" s="549"/>
      <c r="CC48" s="554"/>
      <c r="CD48" s="437" t="s">
        <v>58</v>
      </c>
      <c r="CE48" s="234"/>
      <c r="CF48" s="233" t="s">
        <v>183</v>
      </c>
      <c r="CG48" s="233"/>
      <c r="CH48" s="234"/>
      <c r="CI48" s="547"/>
      <c r="CJ48" s="302"/>
      <c r="CK48" s="303"/>
      <c r="CL48" s="548"/>
      <c r="CM48" s="549"/>
      <c r="CN48" s="550"/>
    </row>
    <row r="49" spans="1:92" ht="12" customHeight="1" x14ac:dyDescent="0.2">
      <c r="A49" s="410"/>
      <c r="B49" s="206"/>
      <c r="C49" s="551"/>
      <c r="D49" s="552"/>
      <c r="E49" s="552"/>
      <c r="F49" s="552"/>
      <c r="G49" s="552"/>
      <c r="H49" s="552"/>
      <c r="I49" s="552"/>
      <c r="J49" s="552"/>
      <c r="K49" s="545"/>
      <c r="L49" s="551"/>
      <c r="M49" s="552"/>
      <c r="N49" s="552"/>
      <c r="O49" s="545"/>
      <c r="P49" s="551"/>
      <c r="Q49" s="552"/>
      <c r="R49" s="552"/>
      <c r="S49" s="552"/>
      <c r="T49" s="552"/>
      <c r="U49" s="552"/>
      <c r="V49" s="555"/>
      <c r="W49" s="448" t="s">
        <v>60</v>
      </c>
      <c r="X49" s="449"/>
      <c r="Y49" s="439"/>
      <c r="Z49" s="439"/>
      <c r="AA49" s="563"/>
      <c r="AB49" s="564"/>
      <c r="AC49" s="538"/>
      <c r="AD49" s="564"/>
      <c r="AE49" s="538"/>
      <c r="AF49" s="539"/>
      <c r="AG49" s="538"/>
      <c r="AH49" s="539"/>
      <c r="AI49" s="567"/>
      <c r="AJ49" s="568"/>
      <c r="AK49" s="568"/>
      <c r="AL49" s="568"/>
      <c r="AM49" s="568"/>
      <c r="AN49" s="568"/>
      <c r="AO49" s="564"/>
      <c r="AP49" s="448" t="s">
        <v>60</v>
      </c>
      <c r="AQ49" s="449"/>
      <c r="AR49" s="439"/>
      <c r="AS49" s="439"/>
      <c r="AT49" s="557"/>
      <c r="AU49" s="552"/>
      <c r="AV49" s="545"/>
      <c r="AW49" s="551"/>
      <c r="AX49" s="552"/>
      <c r="AY49" s="552"/>
      <c r="AZ49" s="552"/>
      <c r="BA49" s="552"/>
      <c r="BB49" s="552"/>
      <c r="BC49" s="552"/>
      <c r="BD49" s="552"/>
      <c r="BE49" s="552"/>
      <c r="BF49" s="552"/>
      <c r="BG49" s="552"/>
      <c r="BH49" s="552"/>
      <c r="BI49" s="552"/>
      <c r="BJ49" s="552"/>
      <c r="BK49" s="545"/>
      <c r="BL49" s="551"/>
      <c r="BM49" s="552"/>
      <c r="BN49" s="545"/>
      <c r="BO49" s="551"/>
      <c r="BP49" s="555"/>
      <c r="BQ49" s="544"/>
      <c r="BR49" s="555"/>
      <c r="BS49" s="544"/>
      <c r="BT49" s="545"/>
      <c r="BU49" s="544"/>
      <c r="BV49" s="545"/>
      <c r="BW49" s="551"/>
      <c r="BX49" s="552"/>
      <c r="BY49" s="552"/>
      <c r="BZ49" s="552"/>
      <c r="CA49" s="552"/>
      <c r="CB49" s="552"/>
      <c r="CC49" s="555"/>
      <c r="CD49" s="448" t="s">
        <v>60</v>
      </c>
      <c r="CE49" s="206"/>
      <c r="CF49" s="205"/>
      <c r="CG49" s="205"/>
      <c r="CH49" s="206"/>
      <c r="CI49" s="304"/>
      <c r="CJ49" s="305"/>
      <c r="CK49" s="306"/>
      <c r="CL49" s="551"/>
      <c r="CM49" s="552"/>
      <c r="CN49" s="553"/>
    </row>
    <row r="50" spans="1:92" ht="12" customHeight="1" x14ac:dyDescent="0.2">
      <c r="A50" s="410"/>
      <c r="B50" s="234">
        <f>B48+1</f>
        <v>33</v>
      </c>
      <c r="C50" s="548"/>
      <c r="D50" s="549"/>
      <c r="E50" s="549"/>
      <c r="F50" s="549"/>
      <c r="G50" s="549"/>
      <c r="H50" s="549"/>
      <c r="I50" s="549"/>
      <c r="J50" s="549"/>
      <c r="K50" s="543"/>
      <c r="L50" s="548"/>
      <c r="M50" s="549"/>
      <c r="N50" s="549"/>
      <c r="O50" s="543"/>
      <c r="P50" s="548"/>
      <c r="Q50" s="549"/>
      <c r="R50" s="549"/>
      <c r="S50" s="549"/>
      <c r="T50" s="549"/>
      <c r="U50" s="549"/>
      <c r="V50" s="554"/>
      <c r="W50" s="437" t="s">
        <v>58</v>
      </c>
      <c r="X50" s="438"/>
      <c r="Y50" s="439" t="s">
        <v>59</v>
      </c>
      <c r="Z50" s="439"/>
      <c r="AA50" s="561"/>
      <c r="AB50" s="562"/>
      <c r="AC50" s="536"/>
      <c r="AD50" s="562"/>
      <c r="AE50" s="536"/>
      <c r="AF50" s="537"/>
      <c r="AG50" s="536"/>
      <c r="AH50" s="537"/>
      <c r="AI50" s="565"/>
      <c r="AJ50" s="566"/>
      <c r="AK50" s="566"/>
      <c r="AL50" s="566"/>
      <c r="AM50" s="566"/>
      <c r="AN50" s="566"/>
      <c r="AO50" s="562"/>
      <c r="AP50" s="437" t="s">
        <v>58</v>
      </c>
      <c r="AQ50" s="438"/>
      <c r="AR50" s="439" t="s">
        <v>59</v>
      </c>
      <c r="AS50" s="439"/>
      <c r="AT50" s="556"/>
      <c r="AU50" s="549"/>
      <c r="AV50" s="543"/>
      <c r="AW50" s="548"/>
      <c r="AX50" s="549"/>
      <c r="AY50" s="549"/>
      <c r="AZ50" s="549"/>
      <c r="BA50" s="549"/>
      <c r="BB50" s="549"/>
      <c r="BC50" s="549"/>
      <c r="BD50" s="549"/>
      <c r="BE50" s="549"/>
      <c r="BF50" s="549"/>
      <c r="BG50" s="549"/>
      <c r="BH50" s="549"/>
      <c r="BI50" s="549"/>
      <c r="BJ50" s="549"/>
      <c r="BK50" s="543"/>
      <c r="BL50" s="548"/>
      <c r="BM50" s="549"/>
      <c r="BN50" s="543"/>
      <c r="BO50" s="548"/>
      <c r="BP50" s="554"/>
      <c r="BQ50" s="542"/>
      <c r="BR50" s="554"/>
      <c r="BS50" s="542"/>
      <c r="BT50" s="543"/>
      <c r="BU50" s="542"/>
      <c r="BV50" s="543"/>
      <c r="BW50" s="548"/>
      <c r="BX50" s="549"/>
      <c r="BY50" s="549"/>
      <c r="BZ50" s="549"/>
      <c r="CA50" s="549"/>
      <c r="CB50" s="549"/>
      <c r="CC50" s="554"/>
      <c r="CD50" s="437" t="s">
        <v>58</v>
      </c>
      <c r="CE50" s="234"/>
      <c r="CF50" s="233" t="s">
        <v>183</v>
      </c>
      <c r="CG50" s="233"/>
      <c r="CH50" s="234"/>
      <c r="CI50" s="547"/>
      <c r="CJ50" s="302"/>
      <c r="CK50" s="303"/>
      <c r="CL50" s="548"/>
      <c r="CM50" s="549"/>
      <c r="CN50" s="550"/>
    </row>
    <row r="51" spans="1:92" ht="12" customHeight="1" x14ac:dyDescent="0.2">
      <c r="A51" s="410"/>
      <c r="B51" s="206"/>
      <c r="C51" s="551"/>
      <c r="D51" s="552"/>
      <c r="E51" s="552"/>
      <c r="F51" s="552"/>
      <c r="G51" s="552"/>
      <c r="H51" s="552"/>
      <c r="I51" s="552"/>
      <c r="J51" s="552"/>
      <c r="K51" s="545"/>
      <c r="L51" s="551"/>
      <c r="M51" s="552"/>
      <c r="N51" s="552"/>
      <c r="O51" s="545"/>
      <c r="P51" s="551"/>
      <c r="Q51" s="552"/>
      <c r="R51" s="552"/>
      <c r="S51" s="552"/>
      <c r="T51" s="552"/>
      <c r="U51" s="552"/>
      <c r="V51" s="555"/>
      <c r="W51" s="448" t="s">
        <v>60</v>
      </c>
      <c r="X51" s="449"/>
      <c r="Y51" s="439"/>
      <c r="Z51" s="439"/>
      <c r="AA51" s="563"/>
      <c r="AB51" s="564"/>
      <c r="AC51" s="538"/>
      <c r="AD51" s="564"/>
      <c r="AE51" s="538"/>
      <c r="AF51" s="539"/>
      <c r="AG51" s="538"/>
      <c r="AH51" s="539"/>
      <c r="AI51" s="567"/>
      <c r="AJ51" s="568"/>
      <c r="AK51" s="568"/>
      <c r="AL51" s="568"/>
      <c r="AM51" s="568"/>
      <c r="AN51" s="568"/>
      <c r="AO51" s="564"/>
      <c r="AP51" s="448" t="s">
        <v>60</v>
      </c>
      <c r="AQ51" s="449"/>
      <c r="AR51" s="439"/>
      <c r="AS51" s="439"/>
      <c r="AT51" s="557"/>
      <c r="AU51" s="552"/>
      <c r="AV51" s="545"/>
      <c r="AW51" s="551"/>
      <c r="AX51" s="552"/>
      <c r="AY51" s="552"/>
      <c r="AZ51" s="552"/>
      <c r="BA51" s="552"/>
      <c r="BB51" s="552"/>
      <c r="BC51" s="552"/>
      <c r="BD51" s="552"/>
      <c r="BE51" s="552"/>
      <c r="BF51" s="552"/>
      <c r="BG51" s="552"/>
      <c r="BH51" s="552"/>
      <c r="BI51" s="552"/>
      <c r="BJ51" s="552"/>
      <c r="BK51" s="545"/>
      <c r="BL51" s="551"/>
      <c r="BM51" s="552"/>
      <c r="BN51" s="545"/>
      <c r="BO51" s="551"/>
      <c r="BP51" s="555"/>
      <c r="BQ51" s="544"/>
      <c r="BR51" s="555"/>
      <c r="BS51" s="544"/>
      <c r="BT51" s="545"/>
      <c r="BU51" s="544"/>
      <c r="BV51" s="545"/>
      <c r="BW51" s="551"/>
      <c r="BX51" s="552"/>
      <c r="BY51" s="552"/>
      <c r="BZ51" s="552"/>
      <c r="CA51" s="552"/>
      <c r="CB51" s="552"/>
      <c r="CC51" s="555"/>
      <c r="CD51" s="448" t="s">
        <v>60</v>
      </c>
      <c r="CE51" s="206"/>
      <c r="CF51" s="205"/>
      <c r="CG51" s="205"/>
      <c r="CH51" s="206"/>
      <c r="CI51" s="304"/>
      <c r="CJ51" s="305"/>
      <c r="CK51" s="306"/>
      <c r="CL51" s="551"/>
      <c r="CM51" s="552"/>
      <c r="CN51" s="553"/>
    </row>
    <row r="52" spans="1:92" ht="12" customHeight="1" x14ac:dyDescent="0.2">
      <c r="A52" s="410"/>
      <c r="B52" s="234">
        <f>B50+1</f>
        <v>34</v>
      </c>
      <c r="C52" s="548"/>
      <c r="D52" s="549"/>
      <c r="E52" s="549"/>
      <c r="F52" s="549"/>
      <c r="G52" s="549"/>
      <c r="H52" s="549"/>
      <c r="I52" s="549"/>
      <c r="J52" s="549"/>
      <c r="K52" s="543"/>
      <c r="L52" s="548"/>
      <c r="M52" s="549"/>
      <c r="N52" s="549"/>
      <c r="O52" s="543"/>
      <c r="P52" s="548"/>
      <c r="Q52" s="549"/>
      <c r="R52" s="549"/>
      <c r="S52" s="549"/>
      <c r="T52" s="549"/>
      <c r="U52" s="549"/>
      <c r="V52" s="554"/>
      <c r="W52" s="437" t="s">
        <v>58</v>
      </c>
      <c r="X52" s="438"/>
      <c r="Y52" s="439" t="s">
        <v>59</v>
      </c>
      <c r="Z52" s="439"/>
      <c r="AA52" s="561"/>
      <c r="AB52" s="562"/>
      <c r="AC52" s="536"/>
      <c r="AD52" s="562"/>
      <c r="AE52" s="536"/>
      <c r="AF52" s="537"/>
      <c r="AG52" s="536"/>
      <c r="AH52" s="537"/>
      <c r="AI52" s="565"/>
      <c r="AJ52" s="566"/>
      <c r="AK52" s="566"/>
      <c r="AL52" s="566"/>
      <c r="AM52" s="566"/>
      <c r="AN52" s="566"/>
      <c r="AO52" s="562"/>
      <c r="AP52" s="437" t="s">
        <v>58</v>
      </c>
      <c r="AQ52" s="438"/>
      <c r="AR52" s="439" t="s">
        <v>59</v>
      </c>
      <c r="AS52" s="439"/>
      <c r="AT52" s="556"/>
      <c r="AU52" s="549"/>
      <c r="AV52" s="543"/>
      <c r="AW52" s="548"/>
      <c r="AX52" s="549"/>
      <c r="AY52" s="549"/>
      <c r="AZ52" s="549"/>
      <c r="BA52" s="549"/>
      <c r="BB52" s="549"/>
      <c r="BC52" s="549"/>
      <c r="BD52" s="549"/>
      <c r="BE52" s="549"/>
      <c r="BF52" s="549"/>
      <c r="BG52" s="549"/>
      <c r="BH52" s="549"/>
      <c r="BI52" s="549"/>
      <c r="BJ52" s="549"/>
      <c r="BK52" s="543"/>
      <c r="BL52" s="548"/>
      <c r="BM52" s="549"/>
      <c r="BN52" s="543"/>
      <c r="BO52" s="548"/>
      <c r="BP52" s="554"/>
      <c r="BQ52" s="542"/>
      <c r="BR52" s="554"/>
      <c r="BS52" s="542"/>
      <c r="BT52" s="543"/>
      <c r="BU52" s="542"/>
      <c r="BV52" s="543"/>
      <c r="BW52" s="548"/>
      <c r="BX52" s="549"/>
      <c r="BY52" s="549"/>
      <c r="BZ52" s="549"/>
      <c r="CA52" s="549"/>
      <c r="CB52" s="549"/>
      <c r="CC52" s="554"/>
      <c r="CD52" s="437" t="s">
        <v>58</v>
      </c>
      <c r="CE52" s="234"/>
      <c r="CF52" s="233" t="s">
        <v>183</v>
      </c>
      <c r="CG52" s="233"/>
      <c r="CH52" s="234"/>
      <c r="CI52" s="547"/>
      <c r="CJ52" s="302"/>
      <c r="CK52" s="303"/>
      <c r="CL52" s="548"/>
      <c r="CM52" s="549"/>
      <c r="CN52" s="550"/>
    </row>
    <row r="53" spans="1:92" ht="12" customHeight="1" x14ac:dyDescent="0.2">
      <c r="A53" s="410"/>
      <c r="B53" s="206"/>
      <c r="C53" s="551"/>
      <c r="D53" s="552"/>
      <c r="E53" s="552"/>
      <c r="F53" s="552"/>
      <c r="G53" s="552"/>
      <c r="H53" s="552"/>
      <c r="I53" s="552"/>
      <c r="J53" s="552"/>
      <c r="K53" s="545"/>
      <c r="L53" s="551"/>
      <c r="M53" s="552"/>
      <c r="N53" s="552"/>
      <c r="O53" s="545"/>
      <c r="P53" s="551"/>
      <c r="Q53" s="552"/>
      <c r="R53" s="552"/>
      <c r="S53" s="552"/>
      <c r="T53" s="552"/>
      <c r="U53" s="552"/>
      <c r="V53" s="555"/>
      <c r="W53" s="448" t="s">
        <v>60</v>
      </c>
      <c r="X53" s="449"/>
      <c r="Y53" s="439"/>
      <c r="Z53" s="439"/>
      <c r="AA53" s="563"/>
      <c r="AB53" s="564"/>
      <c r="AC53" s="538"/>
      <c r="AD53" s="564"/>
      <c r="AE53" s="538"/>
      <c r="AF53" s="539"/>
      <c r="AG53" s="538"/>
      <c r="AH53" s="539"/>
      <c r="AI53" s="567"/>
      <c r="AJ53" s="568"/>
      <c r="AK53" s="568"/>
      <c r="AL53" s="568"/>
      <c r="AM53" s="568"/>
      <c r="AN53" s="568"/>
      <c r="AO53" s="564"/>
      <c r="AP53" s="448" t="s">
        <v>60</v>
      </c>
      <c r="AQ53" s="449"/>
      <c r="AR53" s="439"/>
      <c r="AS53" s="439"/>
      <c r="AT53" s="557"/>
      <c r="AU53" s="552"/>
      <c r="AV53" s="545"/>
      <c r="AW53" s="551"/>
      <c r="AX53" s="552"/>
      <c r="AY53" s="552"/>
      <c r="AZ53" s="552"/>
      <c r="BA53" s="552"/>
      <c r="BB53" s="552"/>
      <c r="BC53" s="552"/>
      <c r="BD53" s="552"/>
      <c r="BE53" s="552"/>
      <c r="BF53" s="552"/>
      <c r="BG53" s="552"/>
      <c r="BH53" s="552"/>
      <c r="BI53" s="552"/>
      <c r="BJ53" s="552"/>
      <c r="BK53" s="545"/>
      <c r="BL53" s="551"/>
      <c r="BM53" s="552"/>
      <c r="BN53" s="545"/>
      <c r="BO53" s="551"/>
      <c r="BP53" s="555"/>
      <c r="BQ53" s="544"/>
      <c r="BR53" s="555"/>
      <c r="BS53" s="544"/>
      <c r="BT53" s="545"/>
      <c r="BU53" s="544"/>
      <c r="BV53" s="545"/>
      <c r="BW53" s="551"/>
      <c r="BX53" s="552"/>
      <c r="BY53" s="552"/>
      <c r="BZ53" s="552"/>
      <c r="CA53" s="552"/>
      <c r="CB53" s="552"/>
      <c r="CC53" s="555"/>
      <c r="CD53" s="448" t="s">
        <v>60</v>
      </c>
      <c r="CE53" s="206"/>
      <c r="CF53" s="205"/>
      <c r="CG53" s="205"/>
      <c r="CH53" s="206"/>
      <c r="CI53" s="304"/>
      <c r="CJ53" s="305"/>
      <c r="CK53" s="306"/>
      <c r="CL53" s="551"/>
      <c r="CM53" s="552"/>
      <c r="CN53" s="553"/>
    </row>
    <row r="54" spans="1:92" ht="12" customHeight="1" x14ac:dyDescent="0.2">
      <c r="A54" s="410"/>
      <c r="B54" s="234">
        <f>B52+1</f>
        <v>35</v>
      </c>
      <c r="C54" s="548"/>
      <c r="D54" s="549"/>
      <c r="E54" s="549"/>
      <c r="F54" s="549"/>
      <c r="G54" s="549"/>
      <c r="H54" s="549"/>
      <c r="I54" s="549"/>
      <c r="J54" s="549"/>
      <c r="K54" s="543"/>
      <c r="L54" s="548"/>
      <c r="M54" s="549"/>
      <c r="N54" s="549"/>
      <c r="O54" s="543"/>
      <c r="P54" s="548"/>
      <c r="Q54" s="549"/>
      <c r="R54" s="549"/>
      <c r="S54" s="549"/>
      <c r="T54" s="549"/>
      <c r="U54" s="549"/>
      <c r="V54" s="554"/>
      <c r="W54" s="437" t="s">
        <v>58</v>
      </c>
      <c r="X54" s="438"/>
      <c r="Y54" s="439" t="s">
        <v>59</v>
      </c>
      <c r="Z54" s="439"/>
      <c r="AA54" s="561"/>
      <c r="AB54" s="562"/>
      <c r="AC54" s="536"/>
      <c r="AD54" s="562"/>
      <c r="AE54" s="536"/>
      <c r="AF54" s="537"/>
      <c r="AG54" s="536"/>
      <c r="AH54" s="537"/>
      <c r="AI54" s="565"/>
      <c r="AJ54" s="566"/>
      <c r="AK54" s="566"/>
      <c r="AL54" s="566"/>
      <c r="AM54" s="566"/>
      <c r="AN54" s="566"/>
      <c r="AO54" s="562"/>
      <c r="AP54" s="437" t="s">
        <v>58</v>
      </c>
      <c r="AQ54" s="438"/>
      <c r="AR54" s="439" t="s">
        <v>59</v>
      </c>
      <c r="AS54" s="439"/>
      <c r="AT54" s="556"/>
      <c r="AU54" s="549"/>
      <c r="AV54" s="543"/>
      <c r="AW54" s="548"/>
      <c r="AX54" s="549"/>
      <c r="AY54" s="549"/>
      <c r="AZ54" s="549"/>
      <c r="BA54" s="549"/>
      <c r="BB54" s="549"/>
      <c r="BC54" s="549"/>
      <c r="BD54" s="549"/>
      <c r="BE54" s="549"/>
      <c r="BF54" s="549"/>
      <c r="BG54" s="549"/>
      <c r="BH54" s="549"/>
      <c r="BI54" s="549"/>
      <c r="BJ54" s="549"/>
      <c r="BK54" s="543"/>
      <c r="BL54" s="548"/>
      <c r="BM54" s="549"/>
      <c r="BN54" s="543"/>
      <c r="BO54" s="548"/>
      <c r="BP54" s="554"/>
      <c r="BQ54" s="542"/>
      <c r="BR54" s="554"/>
      <c r="BS54" s="542"/>
      <c r="BT54" s="543"/>
      <c r="BU54" s="542"/>
      <c r="BV54" s="543"/>
      <c r="BW54" s="548"/>
      <c r="BX54" s="549"/>
      <c r="BY54" s="549"/>
      <c r="BZ54" s="549"/>
      <c r="CA54" s="549"/>
      <c r="CB54" s="549"/>
      <c r="CC54" s="554"/>
      <c r="CD54" s="437" t="s">
        <v>58</v>
      </c>
      <c r="CE54" s="234"/>
      <c r="CF54" s="233" t="s">
        <v>183</v>
      </c>
      <c r="CG54" s="233"/>
      <c r="CH54" s="234"/>
      <c r="CI54" s="547"/>
      <c r="CJ54" s="302"/>
      <c r="CK54" s="303"/>
      <c r="CL54" s="548"/>
      <c r="CM54" s="549"/>
      <c r="CN54" s="550"/>
    </row>
    <row r="55" spans="1:92" ht="12" customHeight="1" x14ac:dyDescent="0.2">
      <c r="A55" s="410"/>
      <c r="B55" s="206"/>
      <c r="C55" s="551"/>
      <c r="D55" s="552"/>
      <c r="E55" s="552"/>
      <c r="F55" s="552"/>
      <c r="G55" s="552"/>
      <c r="H55" s="552"/>
      <c r="I55" s="552"/>
      <c r="J55" s="552"/>
      <c r="K55" s="545"/>
      <c r="L55" s="551"/>
      <c r="M55" s="552"/>
      <c r="N55" s="552"/>
      <c r="O55" s="545"/>
      <c r="P55" s="551"/>
      <c r="Q55" s="552"/>
      <c r="R55" s="552"/>
      <c r="S55" s="552"/>
      <c r="T55" s="552"/>
      <c r="U55" s="552"/>
      <c r="V55" s="555"/>
      <c r="W55" s="448" t="s">
        <v>60</v>
      </c>
      <c r="X55" s="449"/>
      <c r="Y55" s="439"/>
      <c r="Z55" s="439"/>
      <c r="AA55" s="563"/>
      <c r="AB55" s="564"/>
      <c r="AC55" s="538"/>
      <c r="AD55" s="564"/>
      <c r="AE55" s="538"/>
      <c r="AF55" s="539"/>
      <c r="AG55" s="538"/>
      <c r="AH55" s="539"/>
      <c r="AI55" s="567"/>
      <c r="AJ55" s="568"/>
      <c r="AK55" s="568"/>
      <c r="AL55" s="568"/>
      <c r="AM55" s="568"/>
      <c r="AN55" s="568"/>
      <c r="AO55" s="564"/>
      <c r="AP55" s="448" t="s">
        <v>60</v>
      </c>
      <c r="AQ55" s="449"/>
      <c r="AR55" s="439"/>
      <c r="AS55" s="439"/>
      <c r="AT55" s="557"/>
      <c r="AU55" s="552"/>
      <c r="AV55" s="545"/>
      <c r="AW55" s="551"/>
      <c r="AX55" s="552"/>
      <c r="AY55" s="552"/>
      <c r="AZ55" s="552"/>
      <c r="BA55" s="552"/>
      <c r="BB55" s="552"/>
      <c r="BC55" s="552"/>
      <c r="BD55" s="552"/>
      <c r="BE55" s="552"/>
      <c r="BF55" s="552"/>
      <c r="BG55" s="552"/>
      <c r="BH55" s="552"/>
      <c r="BI55" s="552"/>
      <c r="BJ55" s="552"/>
      <c r="BK55" s="545"/>
      <c r="BL55" s="551"/>
      <c r="BM55" s="552"/>
      <c r="BN55" s="545"/>
      <c r="BO55" s="551"/>
      <c r="BP55" s="555"/>
      <c r="BQ55" s="544"/>
      <c r="BR55" s="555"/>
      <c r="BS55" s="544"/>
      <c r="BT55" s="545"/>
      <c r="BU55" s="544"/>
      <c r="BV55" s="545"/>
      <c r="BW55" s="551"/>
      <c r="BX55" s="552"/>
      <c r="BY55" s="552"/>
      <c r="BZ55" s="552"/>
      <c r="CA55" s="552"/>
      <c r="CB55" s="552"/>
      <c r="CC55" s="555"/>
      <c r="CD55" s="448" t="s">
        <v>60</v>
      </c>
      <c r="CE55" s="206"/>
      <c r="CF55" s="205"/>
      <c r="CG55" s="205"/>
      <c r="CH55" s="206"/>
      <c r="CI55" s="304"/>
      <c r="CJ55" s="305"/>
      <c r="CK55" s="306"/>
      <c r="CL55" s="551"/>
      <c r="CM55" s="552"/>
      <c r="CN55" s="553"/>
    </row>
    <row r="56" spans="1:92" ht="12" customHeight="1" x14ac:dyDescent="0.2">
      <c r="A56" s="410"/>
      <c r="B56" s="234">
        <f>B54+1</f>
        <v>36</v>
      </c>
      <c r="C56" s="436"/>
      <c r="D56" s="292"/>
      <c r="E56" s="292"/>
      <c r="F56" s="292"/>
      <c r="G56" s="292"/>
      <c r="H56" s="292"/>
      <c r="I56" s="292"/>
      <c r="J56" s="292"/>
      <c r="K56" s="352"/>
      <c r="L56" s="440"/>
      <c r="M56" s="441"/>
      <c r="N56" s="441"/>
      <c r="O56" s="442"/>
      <c r="P56" s="436"/>
      <c r="Q56" s="292"/>
      <c r="R56" s="292"/>
      <c r="S56" s="292"/>
      <c r="T56" s="292"/>
      <c r="U56" s="292"/>
      <c r="V56" s="446"/>
      <c r="W56" s="437" t="s">
        <v>58</v>
      </c>
      <c r="X56" s="438"/>
      <c r="Y56" s="439" t="s">
        <v>59</v>
      </c>
      <c r="Z56" s="439"/>
      <c r="AA56" s="580"/>
      <c r="AB56" s="573"/>
      <c r="AC56" s="536"/>
      <c r="AD56" s="562"/>
      <c r="AE56" s="536"/>
      <c r="AF56" s="537"/>
      <c r="AG56" s="536"/>
      <c r="AH56" s="537"/>
      <c r="AI56" s="576"/>
      <c r="AJ56" s="577"/>
      <c r="AK56" s="577"/>
      <c r="AL56" s="577"/>
      <c r="AM56" s="577"/>
      <c r="AN56" s="577"/>
      <c r="AO56" s="573"/>
      <c r="AP56" s="437" t="s">
        <v>58</v>
      </c>
      <c r="AQ56" s="438"/>
      <c r="AR56" s="439" t="s">
        <v>59</v>
      </c>
      <c r="AS56" s="439"/>
      <c r="AT56" s="556"/>
      <c r="AU56" s="549"/>
      <c r="AV56" s="543"/>
      <c r="AW56" s="548"/>
      <c r="AX56" s="549"/>
      <c r="AY56" s="549"/>
      <c r="AZ56" s="549"/>
      <c r="BA56" s="549"/>
      <c r="BB56" s="549"/>
      <c r="BC56" s="549"/>
      <c r="BD56" s="549"/>
      <c r="BE56" s="549"/>
      <c r="BF56" s="549"/>
      <c r="BG56" s="549"/>
      <c r="BH56" s="549"/>
      <c r="BI56" s="549"/>
      <c r="BJ56" s="549"/>
      <c r="BK56" s="543"/>
      <c r="BL56" s="548"/>
      <c r="BM56" s="549"/>
      <c r="BN56" s="543"/>
      <c r="BO56" s="548"/>
      <c r="BP56" s="554"/>
      <c r="BQ56" s="542"/>
      <c r="BR56" s="554"/>
      <c r="BS56" s="542"/>
      <c r="BT56" s="543"/>
      <c r="BU56" s="542"/>
      <c r="BV56" s="543"/>
      <c r="BW56" s="548"/>
      <c r="BX56" s="549"/>
      <c r="BY56" s="549"/>
      <c r="BZ56" s="549"/>
      <c r="CA56" s="549"/>
      <c r="CB56" s="549"/>
      <c r="CC56" s="554"/>
      <c r="CD56" s="437" t="s">
        <v>58</v>
      </c>
      <c r="CE56" s="234"/>
      <c r="CF56" s="233" t="s">
        <v>183</v>
      </c>
      <c r="CG56" s="233"/>
      <c r="CH56" s="234"/>
      <c r="CI56" s="547"/>
      <c r="CJ56" s="302"/>
      <c r="CK56" s="303"/>
      <c r="CL56" s="548"/>
      <c r="CM56" s="549"/>
      <c r="CN56" s="550"/>
    </row>
    <row r="57" spans="1:92" ht="12" customHeight="1" x14ac:dyDescent="0.2">
      <c r="A57" s="410"/>
      <c r="B57" s="206"/>
      <c r="C57" s="296"/>
      <c r="D57" s="297"/>
      <c r="E57" s="297"/>
      <c r="F57" s="297"/>
      <c r="G57" s="297"/>
      <c r="H57" s="297"/>
      <c r="I57" s="297"/>
      <c r="J57" s="297"/>
      <c r="K57" s="353"/>
      <c r="L57" s="443"/>
      <c r="M57" s="444"/>
      <c r="N57" s="444"/>
      <c r="O57" s="445"/>
      <c r="P57" s="296"/>
      <c r="Q57" s="297"/>
      <c r="R57" s="297"/>
      <c r="S57" s="297"/>
      <c r="T57" s="297"/>
      <c r="U57" s="297"/>
      <c r="V57" s="447"/>
      <c r="W57" s="448" t="s">
        <v>60</v>
      </c>
      <c r="X57" s="449"/>
      <c r="Y57" s="439"/>
      <c r="Z57" s="439"/>
      <c r="AA57" s="574"/>
      <c r="AB57" s="575"/>
      <c r="AC57" s="538"/>
      <c r="AD57" s="564"/>
      <c r="AE57" s="538"/>
      <c r="AF57" s="539"/>
      <c r="AG57" s="538"/>
      <c r="AH57" s="539"/>
      <c r="AI57" s="578"/>
      <c r="AJ57" s="579"/>
      <c r="AK57" s="579"/>
      <c r="AL57" s="579"/>
      <c r="AM57" s="579"/>
      <c r="AN57" s="579"/>
      <c r="AO57" s="575"/>
      <c r="AP57" s="448" t="s">
        <v>60</v>
      </c>
      <c r="AQ57" s="449"/>
      <c r="AR57" s="439"/>
      <c r="AS57" s="439"/>
      <c r="AT57" s="557"/>
      <c r="AU57" s="552"/>
      <c r="AV57" s="545"/>
      <c r="AW57" s="551"/>
      <c r="AX57" s="552"/>
      <c r="AY57" s="552"/>
      <c r="AZ57" s="552"/>
      <c r="BA57" s="552"/>
      <c r="BB57" s="552"/>
      <c r="BC57" s="552"/>
      <c r="BD57" s="552"/>
      <c r="BE57" s="552"/>
      <c r="BF57" s="552"/>
      <c r="BG57" s="552"/>
      <c r="BH57" s="552"/>
      <c r="BI57" s="552"/>
      <c r="BJ57" s="552"/>
      <c r="BK57" s="545"/>
      <c r="BL57" s="551"/>
      <c r="BM57" s="552"/>
      <c r="BN57" s="545"/>
      <c r="BO57" s="551"/>
      <c r="BP57" s="555"/>
      <c r="BQ57" s="544"/>
      <c r="BR57" s="555"/>
      <c r="BS57" s="544"/>
      <c r="BT57" s="545"/>
      <c r="BU57" s="544"/>
      <c r="BV57" s="545"/>
      <c r="BW57" s="551"/>
      <c r="BX57" s="552"/>
      <c r="BY57" s="552"/>
      <c r="BZ57" s="552"/>
      <c r="CA57" s="552"/>
      <c r="CB57" s="552"/>
      <c r="CC57" s="555"/>
      <c r="CD57" s="448" t="s">
        <v>60</v>
      </c>
      <c r="CE57" s="206"/>
      <c r="CF57" s="205"/>
      <c r="CG57" s="205"/>
      <c r="CH57" s="206"/>
      <c r="CI57" s="304"/>
      <c r="CJ57" s="305"/>
      <c r="CK57" s="306"/>
      <c r="CL57" s="551"/>
      <c r="CM57" s="552"/>
      <c r="CN57" s="553"/>
    </row>
    <row r="58" spans="1:92" ht="12" customHeight="1" x14ac:dyDescent="0.2">
      <c r="A58" s="410"/>
      <c r="B58" s="234">
        <f>B56+1</f>
        <v>37</v>
      </c>
      <c r="C58" s="436"/>
      <c r="D58" s="292"/>
      <c r="E58" s="292"/>
      <c r="F58" s="292"/>
      <c r="G58" s="292"/>
      <c r="H58" s="292"/>
      <c r="I58" s="292"/>
      <c r="J58" s="292"/>
      <c r="K58" s="352"/>
      <c r="L58" s="440"/>
      <c r="M58" s="441"/>
      <c r="N58" s="441"/>
      <c r="O58" s="442"/>
      <c r="P58" s="436"/>
      <c r="Q58" s="292"/>
      <c r="R58" s="292"/>
      <c r="S58" s="292"/>
      <c r="T58" s="292"/>
      <c r="U58" s="292"/>
      <c r="V58" s="446"/>
      <c r="W58" s="437" t="s">
        <v>58</v>
      </c>
      <c r="X58" s="438"/>
      <c r="Y58" s="439" t="s">
        <v>59</v>
      </c>
      <c r="Z58" s="439"/>
      <c r="AA58" s="580"/>
      <c r="AB58" s="573"/>
      <c r="AC58" s="581"/>
      <c r="AD58" s="573"/>
      <c r="AE58" s="536"/>
      <c r="AF58" s="537"/>
      <c r="AG58" s="536"/>
      <c r="AH58" s="537"/>
      <c r="AI58" s="576"/>
      <c r="AJ58" s="577"/>
      <c r="AK58" s="577"/>
      <c r="AL58" s="577"/>
      <c r="AM58" s="577"/>
      <c r="AN58" s="577"/>
      <c r="AO58" s="573"/>
      <c r="AP58" s="437" t="s">
        <v>58</v>
      </c>
      <c r="AQ58" s="438"/>
      <c r="AR58" s="439" t="s">
        <v>59</v>
      </c>
      <c r="AS58" s="439"/>
      <c r="AT58" s="556"/>
      <c r="AU58" s="549"/>
      <c r="AV58" s="543"/>
      <c r="AW58" s="548"/>
      <c r="AX58" s="549"/>
      <c r="AY58" s="549"/>
      <c r="AZ58" s="549"/>
      <c r="BA58" s="549"/>
      <c r="BB58" s="549"/>
      <c r="BC58" s="549"/>
      <c r="BD58" s="549"/>
      <c r="BE58" s="549"/>
      <c r="BF58" s="549"/>
      <c r="BG58" s="549"/>
      <c r="BH58" s="549"/>
      <c r="BI58" s="549"/>
      <c r="BJ58" s="549"/>
      <c r="BK58" s="543"/>
      <c r="BL58" s="548"/>
      <c r="BM58" s="549"/>
      <c r="BN58" s="543"/>
      <c r="BO58" s="548"/>
      <c r="BP58" s="554"/>
      <c r="BQ58" s="542"/>
      <c r="BR58" s="554"/>
      <c r="BS58" s="542"/>
      <c r="BT58" s="543"/>
      <c r="BU58" s="542"/>
      <c r="BV58" s="543"/>
      <c r="BW58" s="548"/>
      <c r="BX58" s="549"/>
      <c r="BY58" s="549"/>
      <c r="BZ58" s="549"/>
      <c r="CA58" s="549"/>
      <c r="CB58" s="549"/>
      <c r="CC58" s="554"/>
      <c r="CD58" s="437" t="s">
        <v>58</v>
      </c>
      <c r="CE58" s="234"/>
      <c r="CF58" s="233" t="s">
        <v>183</v>
      </c>
      <c r="CG58" s="233"/>
      <c r="CH58" s="234"/>
      <c r="CI58" s="547"/>
      <c r="CJ58" s="302"/>
      <c r="CK58" s="303"/>
      <c r="CL58" s="548"/>
      <c r="CM58" s="549"/>
      <c r="CN58" s="550"/>
    </row>
    <row r="59" spans="1:92" ht="12" customHeight="1" x14ac:dyDescent="0.2">
      <c r="A59" s="410"/>
      <c r="B59" s="206"/>
      <c r="C59" s="296"/>
      <c r="D59" s="297"/>
      <c r="E59" s="297"/>
      <c r="F59" s="297"/>
      <c r="G59" s="297"/>
      <c r="H59" s="297"/>
      <c r="I59" s="297"/>
      <c r="J59" s="297"/>
      <c r="K59" s="353"/>
      <c r="L59" s="443"/>
      <c r="M59" s="444"/>
      <c r="N59" s="444"/>
      <c r="O59" s="445"/>
      <c r="P59" s="296"/>
      <c r="Q59" s="297"/>
      <c r="R59" s="297"/>
      <c r="S59" s="297"/>
      <c r="T59" s="297"/>
      <c r="U59" s="297"/>
      <c r="V59" s="447"/>
      <c r="W59" s="448" t="s">
        <v>60</v>
      </c>
      <c r="X59" s="449"/>
      <c r="Y59" s="439"/>
      <c r="Z59" s="439"/>
      <c r="AA59" s="574"/>
      <c r="AB59" s="575"/>
      <c r="AC59" s="582"/>
      <c r="AD59" s="575"/>
      <c r="AE59" s="538"/>
      <c r="AF59" s="539"/>
      <c r="AG59" s="538"/>
      <c r="AH59" s="539"/>
      <c r="AI59" s="578"/>
      <c r="AJ59" s="579"/>
      <c r="AK59" s="579"/>
      <c r="AL59" s="579"/>
      <c r="AM59" s="579"/>
      <c r="AN59" s="579"/>
      <c r="AO59" s="575"/>
      <c r="AP59" s="448" t="s">
        <v>60</v>
      </c>
      <c r="AQ59" s="449"/>
      <c r="AR59" s="439"/>
      <c r="AS59" s="439"/>
      <c r="AT59" s="557"/>
      <c r="AU59" s="552"/>
      <c r="AV59" s="545"/>
      <c r="AW59" s="551"/>
      <c r="AX59" s="552"/>
      <c r="AY59" s="552"/>
      <c r="AZ59" s="552"/>
      <c r="BA59" s="552"/>
      <c r="BB59" s="552"/>
      <c r="BC59" s="552"/>
      <c r="BD59" s="552"/>
      <c r="BE59" s="552"/>
      <c r="BF59" s="552"/>
      <c r="BG59" s="552"/>
      <c r="BH59" s="552"/>
      <c r="BI59" s="552"/>
      <c r="BJ59" s="552"/>
      <c r="BK59" s="545"/>
      <c r="BL59" s="551"/>
      <c r="BM59" s="552"/>
      <c r="BN59" s="545"/>
      <c r="BO59" s="551"/>
      <c r="BP59" s="555"/>
      <c r="BQ59" s="544"/>
      <c r="BR59" s="555"/>
      <c r="BS59" s="544"/>
      <c r="BT59" s="545"/>
      <c r="BU59" s="544"/>
      <c r="BV59" s="545"/>
      <c r="BW59" s="551"/>
      <c r="BX59" s="552"/>
      <c r="BY59" s="552"/>
      <c r="BZ59" s="552"/>
      <c r="CA59" s="552"/>
      <c r="CB59" s="552"/>
      <c r="CC59" s="555"/>
      <c r="CD59" s="448" t="s">
        <v>60</v>
      </c>
      <c r="CE59" s="206"/>
      <c r="CF59" s="205"/>
      <c r="CG59" s="205"/>
      <c r="CH59" s="206"/>
      <c r="CI59" s="304"/>
      <c r="CJ59" s="305"/>
      <c r="CK59" s="306"/>
      <c r="CL59" s="551"/>
      <c r="CM59" s="552"/>
      <c r="CN59" s="553"/>
    </row>
    <row r="60" spans="1:92" ht="12" customHeight="1" x14ac:dyDescent="0.2">
      <c r="A60" s="410"/>
      <c r="B60" s="234">
        <f>B58+1</f>
        <v>38</v>
      </c>
      <c r="C60" s="436"/>
      <c r="D60" s="292"/>
      <c r="E60" s="292"/>
      <c r="F60" s="292"/>
      <c r="G60" s="292"/>
      <c r="H60" s="292"/>
      <c r="I60" s="292"/>
      <c r="J60" s="292"/>
      <c r="K60" s="352"/>
      <c r="L60" s="440"/>
      <c r="M60" s="441"/>
      <c r="N60" s="441"/>
      <c r="O60" s="442"/>
      <c r="P60" s="436"/>
      <c r="Q60" s="292"/>
      <c r="R60" s="292"/>
      <c r="S60" s="292"/>
      <c r="T60" s="292"/>
      <c r="U60" s="292"/>
      <c r="V60" s="446"/>
      <c r="W60" s="437" t="s">
        <v>58</v>
      </c>
      <c r="X60" s="438"/>
      <c r="Y60" s="439" t="s">
        <v>59</v>
      </c>
      <c r="Z60" s="439"/>
      <c r="AA60" s="572"/>
      <c r="AB60" s="573"/>
      <c r="AC60" s="536"/>
      <c r="AD60" s="562"/>
      <c r="AE60" s="536"/>
      <c r="AF60" s="537"/>
      <c r="AG60" s="536"/>
      <c r="AH60" s="537"/>
      <c r="AI60" s="576"/>
      <c r="AJ60" s="577"/>
      <c r="AK60" s="577"/>
      <c r="AL60" s="577"/>
      <c r="AM60" s="577"/>
      <c r="AN60" s="577"/>
      <c r="AO60" s="573"/>
      <c r="AP60" s="437" t="s">
        <v>58</v>
      </c>
      <c r="AQ60" s="438"/>
      <c r="AR60" s="439" t="s">
        <v>59</v>
      </c>
      <c r="AS60" s="439"/>
      <c r="AT60" s="478"/>
      <c r="AU60" s="292"/>
      <c r="AV60" s="352"/>
      <c r="AW60" s="436"/>
      <c r="AX60" s="292"/>
      <c r="AY60" s="292"/>
      <c r="AZ60" s="292"/>
      <c r="BA60" s="292"/>
      <c r="BB60" s="292"/>
      <c r="BC60" s="292"/>
      <c r="BD60" s="292"/>
      <c r="BE60" s="292"/>
      <c r="BF60" s="292"/>
      <c r="BG60" s="292"/>
      <c r="BH60" s="292"/>
      <c r="BI60" s="292"/>
      <c r="BJ60" s="292"/>
      <c r="BK60" s="352"/>
      <c r="BL60" s="486"/>
      <c r="BM60" s="486"/>
      <c r="BN60" s="486"/>
      <c r="BO60" s="436"/>
      <c r="BP60" s="446"/>
      <c r="BQ60" s="542"/>
      <c r="BR60" s="554"/>
      <c r="BS60" s="542"/>
      <c r="BT60" s="543"/>
      <c r="BU60" s="542"/>
      <c r="BV60" s="543"/>
      <c r="BW60" s="548"/>
      <c r="BX60" s="549"/>
      <c r="BY60" s="549"/>
      <c r="BZ60" s="549"/>
      <c r="CA60" s="549"/>
      <c r="CB60" s="549"/>
      <c r="CC60" s="554"/>
      <c r="CD60" s="437" t="s">
        <v>58</v>
      </c>
      <c r="CE60" s="234"/>
      <c r="CF60" s="233" t="s">
        <v>183</v>
      </c>
      <c r="CG60" s="233"/>
      <c r="CH60" s="234"/>
      <c r="CI60" s="547"/>
      <c r="CJ60" s="302"/>
      <c r="CK60" s="303"/>
      <c r="CL60" s="436"/>
      <c r="CM60" s="292"/>
      <c r="CN60" s="293"/>
    </row>
    <row r="61" spans="1:92" ht="12" customHeight="1" x14ac:dyDescent="0.2">
      <c r="A61" s="410"/>
      <c r="B61" s="206"/>
      <c r="C61" s="296"/>
      <c r="D61" s="297"/>
      <c r="E61" s="297"/>
      <c r="F61" s="297"/>
      <c r="G61" s="297"/>
      <c r="H61" s="297"/>
      <c r="I61" s="297"/>
      <c r="J61" s="297"/>
      <c r="K61" s="353"/>
      <c r="L61" s="443"/>
      <c r="M61" s="444"/>
      <c r="N61" s="444"/>
      <c r="O61" s="445"/>
      <c r="P61" s="296"/>
      <c r="Q61" s="297"/>
      <c r="R61" s="297"/>
      <c r="S61" s="297"/>
      <c r="T61" s="297"/>
      <c r="U61" s="297"/>
      <c r="V61" s="447"/>
      <c r="W61" s="448" t="s">
        <v>60</v>
      </c>
      <c r="X61" s="449"/>
      <c r="Y61" s="439"/>
      <c r="Z61" s="439"/>
      <c r="AA61" s="574"/>
      <c r="AB61" s="575"/>
      <c r="AC61" s="538"/>
      <c r="AD61" s="564"/>
      <c r="AE61" s="538"/>
      <c r="AF61" s="539"/>
      <c r="AG61" s="538"/>
      <c r="AH61" s="539"/>
      <c r="AI61" s="578"/>
      <c r="AJ61" s="579"/>
      <c r="AK61" s="579"/>
      <c r="AL61" s="579"/>
      <c r="AM61" s="579"/>
      <c r="AN61" s="579"/>
      <c r="AO61" s="575"/>
      <c r="AP61" s="448" t="s">
        <v>60</v>
      </c>
      <c r="AQ61" s="449"/>
      <c r="AR61" s="439"/>
      <c r="AS61" s="439"/>
      <c r="AT61" s="479"/>
      <c r="AU61" s="297"/>
      <c r="AV61" s="353"/>
      <c r="AW61" s="296"/>
      <c r="AX61" s="297"/>
      <c r="AY61" s="297"/>
      <c r="AZ61" s="297"/>
      <c r="BA61" s="297"/>
      <c r="BB61" s="297"/>
      <c r="BC61" s="297"/>
      <c r="BD61" s="297"/>
      <c r="BE61" s="297"/>
      <c r="BF61" s="297"/>
      <c r="BG61" s="297"/>
      <c r="BH61" s="297"/>
      <c r="BI61" s="297"/>
      <c r="BJ61" s="297"/>
      <c r="BK61" s="353"/>
      <c r="BL61" s="486"/>
      <c r="BM61" s="486"/>
      <c r="BN61" s="486"/>
      <c r="BO61" s="296"/>
      <c r="BP61" s="447"/>
      <c r="BQ61" s="544"/>
      <c r="BR61" s="555"/>
      <c r="BS61" s="544"/>
      <c r="BT61" s="545"/>
      <c r="BU61" s="544"/>
      <c r="BV61" s="545"/>
      <c r="BW61" s="551"/>
      <c r="BX61" s="552"/>
      <c r="BY61" s="552"/>
      <c r="BZ61" s="552"/>
      <c r="CA61" s="552"/>
      <c r="CB61" s="552"/>
      <c r="CC61" s="555"/>
      <c r="CD61" s="448" t="s">
        <v>60</v>
      </c>
      <c r="CE61" s="206"/>
      <c r="CF61" s="205"/>
      <c r="CG61" s="205"/>
      <c r="CH61" s="206"/>
      <c r="CI61" s="304"/>
      <c r="CJ61" s="305"/>
      <c r="CK61" s="306"/>
      <c r="CL61" s="296"/>
      <c r="CM61" s="297"/>
      <c r="CN61" s="298"/>
    </row>
    <row r="62" spans="1:92" ht="12" customHeight="1" x14ac:dyDescent="0.2">
      <c r="A62" s="410"/>
      <c r="B62" s="234">
        <f>B60+1</f>
        <v>39</v>
      </c>
      <c r="C62" s="436"/>
      <c r="D62" s="292"/>
      <c r="E62" s="292"/>
      <c r="F62" s="292"/>
      <c r="G62" s="292"/>
      <c r="H62" s="292"/>
      <c r="I62" s="292"/>
      <c r="J62" s="292"/>
      <c r="K62" s="352"/>
      <c r="L62" s="571"/>
      <c r="M62" s="571"/>
      <c r="N62" s="571"/>
      <c r="O62" s="571"/>
      <c r="P62" s="436"/>
      <c r="Q62" s="292"/>
      <c r="R62" s="292"/>
      <c r="S62" s="292"/>
      <c r="T62" s="292"/>
      <c r="U62" s="292"/>
      <c r="V62" s="446"/>
      <c r="W62" s="437" t="s">
        <v>58</v>
      </c>
      <c r="X62" s="438"/>
      <c r="Y62" s="439" t="s">
        <v>59</v>
      </c>
      <c r="Z62" s="439"/>
      <c r="AA62" s="561"/>
      <c r="AB62" s="562"/>
      <c r="AC62" s="536"/>
      <c r="AD62" s="562"/>
      <c r="AE62" s="536"/>
      <c r="AF62" s="537"/>
      <c r="AG62" s="536"/>
      <c r="AH62" s="537"/>
      <c r="AI62" s="565"/>
      <c r="AJ62" s="566"/>
      <c r="AK62" s="566"/>
      <c r="AL62" s="566"/>
      <c r="AM62" s="566"/>
      <c r="AN62" s="566"/>
      <c r="AO62" s="562"/>
      <c r="AP62" s="437" t="s">
        <v>58</v>
      </c>
      <c r="AQ62" s="438"/>
      <c r="AR62" s="439" t="s">
        <v>59</v>
      </c>
      <c r="AS62" s="439"/>
      <c r="AT62" s="478"/>
      <c r="AU62" s="292"/>
      <c r="AV62" s="352"/>
      <c r="AW62" s="436"/>
      <c r="AX62" s="292"/>
      <c r="AY62" s="292"/>
      <c r="AZ62" s="292"/>
      <c r="BA62" s="292"/>
      <c r="BB62" s="292"/>
      <c r="BC62" s="292"/>
      <c r="BD62" s="292"/>
      <c r="BE62" s="292"/>
      <c r="BF62" s="292"/>
      <c r="BG62" s="292"/>
      <c r="BH62" s="292"/>
      <c r="BI62" s="292"/>
      <c r="BJ62" s="292"/>
      <c r="BK62" s="352"/>
      <c r="BL62" s="486"/>
      <c r="BM62" s="486"/>
      <c r="BN62" s="486"/>
      <c r="BO62" s="548"/>
      <c r="BP62" s="554"/>
      <c r="BQ62" s="542"/>
      <c r="BR62" s="554"/>
      <c r="BS62" s="542"/>
      <c r="BT62" s="543"/>
      <c r="BU62" s="542"/>
      <c r="BV62" s="543"/>
      <c r="BW62" s="548"/>
      <c r="BX62" s="549"/>
      <c r="BY62" s="549"/>
      <c r="BZ62" s="549"/>
      <c r="CA62" s="549"/>
      <c r="CB62" s="549"/>
      <c r="CC62" s="554"/>
      <c r="CD62" s="437" t="s">
        <v>58</v>
      </c>
      <c r="CE62" s="234"/>
      <c r="CF62" s="233" t="s">
        <v>183</v>
      </c>
      <c r="CG62" s="233"/>
      <c r="CH62" s="234"/>
      <c r="CI62" s="547"/>
      <c r="CJ62" s="302"/>
      <c r="CK62" s="303"/>
      <c r="CL62" s="436"/>
      <c r="CM62" s="292"/>
      <c r="CN62" s="293"/>
    </row>
    <row r="63" spans="1:92" ht="12" customHeight="1" x14ac:dyDescent="0.2">
      <c r="A63" s="410"/>
      <c r="B63" s="206"/>
      <c r="C63" s="296"/>
      <c r="D63" s="297"/>
      <c r="E63" s="297"/>
      <c r="F63" s="297"/>
      <c r="G63" s="297"/>
      <c r="H63" s="297"/>
      <c r="I63" s="297"/>
      <c r="J63" s="297"/>
      <c r="K63" s="353"/>
      <c r="L63" s="571"/>
      <c r="M63" s="571"/>
      <c r="N63" s="571"/>
      <c r="O63" s="571"/>
      <c r="P63" s="296"/>
      <c r="Q63" s="297"/>
      <c r="R63" s="297"/>
      <c r="S63" s="297"/>
      <c r="T63" s="297"/>
      <c r="U63" s="297"/>
      <c r="V63" s="447"/>
      <c r="W63" s="448" t="s">
        <v>60</v>
      </c>
      <c r="X63" s="449"/>
      <c r="Y63" s="439"/>
      <c r="Z63" s="439"/>
      <c r="AA63" s="563"/>
      <c r="AB63" s="564"/>
      <c r="AC63" s="538"/>
      <c r="AD63" s="564"/>
      <c r="AE63" s="538"/>
      <c r="AF63" s="539"/>
      <c r="AG63" s="538"/>
      <c r="AH63" s="539"/>
      <c r="AI63" s="567"/>
      <c r="AJ63" s="568"/>
      <c r="AK63" s="568"/>
      <c r="AL63" s="568"/>
      <c r="AM63" s="568"/>
      <c r="AN63" s="568"/>
      <c r="AO63" s="564"/>
      <c r="AP63" s="448" t="s">
        <v>60</v>
      </c>
      <c r="AQ63" s="449"/>
      <c r="AR63" s="439"/>
      <c r="AS63" s="439"/>
      <c r="AT63" s="479"/>
      <c r="AU63" s="297"/>
      <c r="AV63" s="353"/>
      <c r="AW63" s="296"/>
      <c r="AX63" s="297"/>
      <c r="AY63" s="297"/>
      <c r="AZ63" s="297"/>
      <c r="BA63" s="297"/>
      <c r="BB63" s="297"/>
      <c r="BC63" s="297"/>
      <c r="BD63" s="297"/>
      <c r="BE63" s="297"/>
      <c r="BF63" s="297"/>
      <c r="BG63" s="297"/>
      <c r="BH63" s="297"/>
      <c r="BI63" s="297"/>
      <c r="BJ63" s="297"/>
      <c r="BK63" s="353"/>
      <c r="BL63" s="486"/>
      <c r="BM63" s="486"/>
      <c r="BN63" s="486"/>
      <c r="BO63" s="551"/>
      <c r="BP63" s="555"/>
      <c r="BQ63" s="544"/>
      <c r="BR63" s="555"/>
      <c r="BS63" s="544"/>
      <c r="BT63" s="545"/>
      <c r="BU63" s="544"/>
      <c r="BV63" s="545"/>
      <c r="BW63" s="551"/>
      <c r="BX63" s="552"/>
      <c r="BY63" s="552"/>
      <c r="BZ63" s="552"/>
      <c r="CA63" s="552"/>
      <c r="CB63" s="552"/>
      <c r="CC63" s="555"/>
      <c r="CD63" s="448" t="s">
        <v>60</v>
      </c>
      <c r="CE63" s="206"/>
      <c r="CF63" s="205"/>
      <c r="CG63" s="205"/>
      <c r="CH63" s="206"/>
      <c r="CI63" s="304"/>
      <c r="CJ63" s="305"/>
      <c r="CK63" s="306"/>
      <c r="CL63" s="296"/>
      <c r="CM63" s="297"/>
      <c r="CN63" s="298"/>
    </row>
    <row r="64" spans="1:92" ht="12" customHeight="1" x14ac:dyDescent="0.2">
      <c r="A64" s="410"/>
      <c r="B64" s="234">
        <f>B62+1</f>
        <v>40</v>
      </c>
      <c r="C64" s="548"/>
      <c r="D64" s="549"/>
      <c r="E64" s="549"/>
      <c r="F64" s="549"/>
      <c r="G64" s="549"/>
      <c r="H64" s="549"/>
      <c r="I64" s="549"/>
      <c r="J64" s="549"/>
      <c r="K64" s="543"/>
      <c r="L64" s="548"/>
      <c r="M64" s="549"/>
      <c r="N64" s="549"/>
      <c r="O64" s="543"/>
      <c r="P64" s="548"/>
      <c r="Q64" s="549"/>
      <c r="R64" s="549"/>
      <c r="S64" s="549"/>
      <c r="T64" s="549"/>
      <c r="U64" s="549"/>
      <c r="V64" s="554"/>
      <c r="W64" s="437" t="s">
        <v>58</v>
      </c>
      <c r="X64" s="438"/>
      <c r="Y64" s="439" t="s">
        <v>59</v>
      </c>
      <c r="Z64" s="439"/>
      <c r="AA64" s="561"/>
      <c r="AB64" s="562"/>
      <c r="AC64" s="536"/>
      <c r="AD64" s="562"/>
      <c r="AE64" s="536"/>
      <c r="AF64" s="537"/>
      <c r="AG64" s="536"/>
      <c r="AH64" s="537"/>
      <c r="AI64" s="565"/>
      <c r="AJ64" s="566"/>
      <c r="AK64" s="566"/>
      <c r="AL64" s="566"/>
      <c r="AM64" s="566"/>
      <c r="AN64" s="566"/>
      <c r="AO64" s="562"/>
      <c r="AP64" s="437" t="s">
        <v>58</v>
      </c>
      <c r="AQ64" s="438"/>
      <c r="AR64" s="439" t="s">
        <v>59</v>
      </c>
      <c r="AS64" s="439"/>
      <c r="AT64" s="556"/>
      <c r="AU64" s="549"/>
      <c r="AV64" s="543"/>
      <c r="AW64" s="548"/>
      <c r="AX64" s="549"/>
      <c r="AY64" s="549"/>
      <c r="AZ64" s="549"/>
      <c r="BA64" s="549"/>
      <c r="BB64" s="549"/>
      <c r="BC64" s="549"/>
      <c r="BD64" s="549"/>
      <c r="BE64" s="549"/>
      <c r="BF64" s="549"/>
      <c r="BG64" s="549"/>
      <c r="BH64" s="549"/>
      <c r="BI64" s="549"/>
      <c r="BJ64" s="549"/>
      <c r="BK64" s="543"/>
      <c r="BL64" s="548"/>
      <c r="BM64" s="549"/>
      <c r="BN64" s="543"/>
      <c r="BO64" s="548"/>
      <c r="BP64" s="554"/>
      <c r="BQ64" s="542"/>
      <c r="BR64" s="554"/>
      <c r="BS64" s="542"/>
      <c r="BT64" s="543"/>
      <c r="BU64" s="542"/>
      <c r="BV64" s="543"/>
      <c r="BW64" s="548"/>
      <c r="BX64" s="549"/>
      <c r="BY64" s="549"/>
      <c r="BZ64" s="549"/>
      <c r="CA64" s="549"/>
      <c r="CB64" s="549"/>
      <c r="CC64" s="554"/>
      <c r="CD64" s="437" t="s">
        <v>58</v>
      </c>
      <c r="CE64" s="234"/>
      <c r="CF64" s="233" t="s">
        <v>183</v>
      </c>
      <c r="CG64" s="233"/>
      <c r="CH64" s="234"/>
      <c r="CI64" s="547"/>
      <c r="CJ64" s="302"/>
      <c r="CK64" s="303"/>
      <c r="CL64" s="548"/>
      <c r="CM64" s="549"/>
      <c r="CN64" s="550"/>
    </row>
    <row r="65" spans="1:97" ht="12" customHeight="1" x14ac:dyDescent="0.2">
      <c r="A65" s="410"/>
      <c r="B65" s="206"/>
      <c r="C65" s="551"/>
      <c r="D65" s="552"/>
      <c r="E65" s="552"/>
      <c r="F65" s="552"/>
      <c r="G65" s="552"/>
      <c r="H65" s="552"/>
      <c r="I65" s="552"/>
      <c r="J65" s="552"/>
      <c r="K65" s="545"/>
      <c r="L65" s="551"/>
      <c r="M65" s="552"/>
      <c r="N65" s="552"/>
      <c r="O65" s="545"/>
      <c r="P65" s="551"/>
      <c r="Q65" s="552"/>
      <c r="R65" s="552"/>
      <c r="S65" s="552"/>
      <c r="T65" s="552"/>
      <c r="U65" s="552"/>
      <c r="V65" s="555"/>
      <c r="W65" s="448" t="s">
        <v>60</v>
      </c>
      <c r="X65" s="449"/>
      <c r="Y65" s="439"/>
      <c r="Z65" s="439"/>
      <c r="AA65" s="563"/>
      <c r="AB65" s="564"/>
      <c r="AC65" s="538"/>
      <c r="AD65" s="564"/>
      <c r="AE65" s="538"/>
      <c r="AF65" s="539"/>
      <c r="AG65" s="538"/>
      <c r="AH65" s="539"/>
      <c r="AI65" s="567"/>
      <c r="AJ65" s="568"/>
      <c r="AK65" s="568"/>
      <c r="AL65" s="568"/>
      <c r="AM65" s="568"/>
      <c r="AN65" s="568"/>
      <c r="AO65" s="564"/>
      <c r="AP65" s="448" t="s">
        <v>60</v>
      </c>
      <c r="AQ65" s="449"/>
      <c r="AR65" s="439"/>
      <c r="AS65" s="439"/>
      <c r="AT65" s="557"/>
      <c r="AU65" s="552"/>
      <c r="AV65" s="545"/>
      <c r="AW65" s="551"/>
      <c r="AX65" s="552"/>
      <c r="AY65" s="552"/>
      <c r="AZ65" s="552"/>
      <c r="BA65" s="552"/>
      <c r="BB65" s="552"/>
      <c r="BC65" s="552"/>
      <c r="BD65" s="552"/>
      <c r="BE65" s="552"/>
      <c r="BF65" s="552"/>
      <c r="BG65" s="552"/>
      <c r="BH65" s="552"/>
      <c r="BI65" s="552"/>
      <c r="BJ65" s="552"/>
      <c r="BK65" s="545"/>
      <c r="BL65" s="551"/>
      <c r="BM65" s="552"/>
      <c r="BN65" s="545"/>
      <c r="BO65" s="551"/>
      <c r="BP65" s="555"/>
      <c r="BQ65" s="544"/>
      <c r="BR65" s="555"/>
      <c r="BS65" s="544"/>
      <c r="BT65" s="545"/>
      <c r="BU65" s="544"/>
      <c r="BV65" s="545"/>
      <c r="BW65" s="551"/>
      <c r="BX65" s="552"/>
      <c r="BY65" s="552"/>
      <c r="BZ65" s="552"/>
      <c r="CA65" s="552"/>
      <c r="CB65" s="552"/>
      <c r="CC65" s="555"/>
      <c r="CD65" s="448" t="s">
        <v>60</v>
      </c>
      <c r="CE65" s="206"/>
      <c r="CF65" s="205"/>
      <c r="CG65" s="205"/>
      <c r="CH65" s="206"/>
      <c r="CI65" s="304"/>
      <c r="CJ65" s="305"/>
      <c r="CK65" s="306"/>
      <c r="CL65" s="551"/>
      <c r="CM65" s="552"/>
      <c r="CN65" s="553"/>
    </row>
    <row r="66" spans="1:97" ht="12" customHeight="1" x14ac:dyDescent="0.2">
      <c r="A66" s="410"/>
      <c r="B66" s="234">
        <f>B64+1</f>
        <v>41</v>
      </c>
      <c r="C66" s="548"/>
      <c r="D66" s="549"/>
      <c r="E66" s="549"/>
      <c r="F66" s="549"/>
      <c r="G66" s="549"/>
      <c r="H66" s="549"/>
      <c r="I66" s="549"/>
      <c r="J66" s="549"/>
      <c r="K66" s="543"/>
      <c r="L66" s="548"/>
      <c r="M66" s="549"/>
      <c r="N66" s="549"/>
      <c r="O66" s="543"/>
      <c r="P66" s="548"/>
      <c r="Q66" s="549"/>
      <c r="R66" s="549"/>
      <c r="S66" s="549"/>
      <c r="T66" s="549"/>
      <c r="U66" s="549"/>
      <c r="V66" s="554"/>
      <c r="W66" s="437" t="s">
        <v>58</v>
      </c>
      <c r="X66" s="438"/>
      <c r="Y66" s="439" t="s">
        <v>59</v>
      </c>
      <c r="Z66" s="439"/>
      <c r="AA66" s="561"/>
      <c r="AB66" s="562"/>
      <c r="AC66" s="536"/>
      <c r="AD66" s="562"/>
      <c r="AE66" s="536"/>
      <c r="AF66" s="537"/>
      <c r="AG66" s="536"/>
      <c r="AH66" s="537"/>
      <c r="AI66" s="565"/>
      <c r="AJ66" s="566"/>
      <c r="AK66" s="566"/>
      <c r="AL66" s="566"/>
      <c r="AM66" s="566"/>
      <c r="AN66" s="566"/>
      <c r="AO66" s="562"/>
      <c r="AP66" s="437" t="s">
        <v>58</v>
      </c>
      <c r="AQ66" s="438"/>
      <c r="AR66" s="439" t="s">
        <v>59</v>
      </c>
      <c r="AS66" s="439"/>
      <c r="AT66" s="556"/>
      <c r="AU66" s="549"/>
      <c r="AV66" s="543"/>
      <c r="AW66" s="548"/>
      <c r="AX66" s="549"/>
      <c r="AY66" s="549"/>
      <c r="AZ66" s="549"/>
      <c r="BA66" s="549"/>
      <c r="BB66" s="549"/>
      <c r="BC66" s="549"/>
      <c r="BD66" s="549"/>
      <c r="BE66" s="549"/>
      <c r="BF66" s="549"/>
      <c r="BG66" s="549"/>
      <c r="BH66" s="549"/>
      <c r="BI66" s="549"/>
      <c r="BJ66" s="549"/>
      <c r="BK66" s="543"/>
      <c r="BL66" s="548"/>
      <c r="BM66" s="549"/>
      <c r="BN66" s="543"/>
      <c r="BO66" s="548"/>
      <c r="BP66" s="554"/>
      <c r="BQ66" s="542"/>
      <c r="BR66" s="554"/>
      <c r="BS66" s="542"/>
      <c r="BT66" s="543"/>
      <c r="BU66" s="542"/>
      <c r="BV66" s="543"/>
      <c r="BW66" s="548"/>
      <c r="BX66" s="549"/>
      <c r="BY66" s="549"/>
      <c r="BZ66" s="549"/>
      <c r="CA66" s="549"/>
      <c r="CB66" s="549"/>
      <c r="CC66" s="554"/>
      <c r="CD66" s="437" t="s">
        <v>58</v>
      </c>
      <c r="CE66" s="234"/>
      <c r="CF66" s="233" t="s">
        <v>183</v>
      </c>
      <c r="CG66" s="233"/>
      <c r="CH66" s="234"/>
      <c r="CI66" s="547"/>
      <c r="CJ66" s="302"/>
      <c r="CK66" s="303"/>
      <c r="CL66" s="548"/>
      <c r="CM66" s="549"/>
      <c r="CN66" s="550"/>
    </row>
    <row r="67" spans="1:97" ht="12" customHeight="1" x14ac:dyDescent="0.2">
      <c r="A67" s="410"/>
      <c r="B67" s="206"/>
      <c r="C67" s="551"/>
      <c r="D67" s="552"/>
      <c r="E67" s="552"/>
      <c r="F67" s="552"/>
      <c r="G67" s="552"/>
      <c r="H67" s="552"/>
      <c r="I67" s="552"/>
      <c r="J67" s="552"/>
      <c r="K67" s="545"/>
      <c r="L67" s="551"/>
      <c r="M67" s="552"/>
      <c r="N67" s="552"/>
      <c r="O67" s="545"/>
      <c r="P67" s="551"/>
      <c r="Q67" s="552"/>
      <c r="R67" s="552"/>
      <c r="S67" s="552"/>
      <c r="T67" s="552"/>
      <c r="U67" s="552"/>
      <c r="V67" s="555"/>
      <c r="W67" s="448" t="s">
        <v>60</v>
      </c>
      <c r="X67" s="449"/>
      <c r="Y67" s="439"/>
      <c r="Z67" s="439"/>
      <c r="AA67" s="563"/>
      <c r="AB67" s="564"/>
      <c r="AC67" s="538"/>
      <c r="AD67" s="564"/>
      <c r="AE67" s="538"/>
      <c r="AF67" s="539"/>
      <c r="AG67" s="538"/>
      <c r="AH67" s="539"/>
      <c r="AI67" s="567"/>
      <c r="AJ67" s="568"/>
      <c r="AK67" s="568"/>
      <c r="AL67" s="568"/>
      <c r="AM67" s="568"/>
      <c r="AN67" s="568"/>
      <c r="AO67" s="564"/>
      <c r="AP67" s="448" t="s">
        <v>60</v>
      </c>
      <c r="AQ67" s="449"/>
      <c r="AR67" s="439"/>
      <c r="AS67" s="439"/>
      <c r="AT67" s="557"/>
      <c r="AU67" s="552"/>
      <c r="AV67" s="545"/>
      <c r="AW67" s="551"/>
      <c r="AX67" s="552"/>
      <c r="AY67" s="552"/>
      <c r="AZ67" s="552"/>
      <c r="BA67" s="552"/>
      <c r="BB67" s="552"/>
      <c r="BC67" s="552"/>
      <c r="BD67" s="552"/>
      <c r="BE67" s="552"/>
      <c r="BF67" s="552"/>
      <c r="BG67" s="552"/>
      <c r="BH67" s="552"/>
      <c r="BI67" s="552"/>
      <c r="BJ67" s="552"/>
      <c r="BK67" s="545"/>
      <c r="BL67" s="551"/>
      <c r="BM67" s="552"/>
      <c r="BN67" s="545"/>
      <c r="BO67" s="551"/>
      <c r="BP67" s="555"/>
      <c r="BQ67" s="544"/>
      <c r="BR67" s="555"/>
      <c r="BS67" s="544"/>
      <c r="BT67" s="545"/>
      <c r="BU67" s="544"/>
      <c r="BV67" s="545"/>
      <c r="BW67" s="551"/>
      <c r="BX67" s="552"/>
      <c r="BY67" s="552"/>
      <c r="BZ67" s="552"/>
      <c r="CA67" s="552"/>
      <c r="CB67" s="552"/>
      <c r="CC67" s="555"/>
      <c r="CD67" s="448" t="s">
        <v>60</v>
      </c>
      <c r="CE67" s="206"/>
      <c r="CF67" s="205"/>
      <c r="CG67" s="205"/>
      <c r="CH67" s="206"/>
      <c r="CI67" s="304"/>
      <c r="CJ67" s="305"/>
      <c r="CK67" s="306"/>
      <c r="CL67" s="551"/>
      <c r="CM67" s="552"/>
      <c r="CN67" s="553"/>
    </row>
    <row r="68" spans="1:97" ht="12" customHeight="1" x14ac:dyDescent="0.2">
      <c r="A68" s="410"/>
      <c r="B68" s="234">
        <f>B66+1</f>
        <v>42</v>
      </c>
      <c r="C68" s="548"/>
      <c r="D68" s="549"/>
      <c r="E68" s="549"/>
      <c r="F68" s="549"/>
      <c r="G68" s="549"/>
      <c r="H68" s="549"/>
      <c r="I68" s="549"/>
      <c r="J68" s="549"/>
      <c r="K68" s="543"/>
      <c r="L68" s="548"/>
      <c r="M68" s="549"/>
      <c r="N68" s="549"/>
      <c r="O68" s="543"/>
      <c r="P68" s="548"/>
      <c r="Q68" s="549"/>
      <c r="R68" s="549"/>
      <c r="S68" s="549"/>
      <c r="T68" s="549"/>
      <c r="U68" s="549"/>
      <c r="V68" s="554"/>
      <c r="W68" s="437" t="s">
        <v>58</v>
      </c>
      <c r="X68" s="438"/>
      <c r="Y68" s="439" t="s">
        <v>59</v>
      </c>
      <c r="Z68" s="439"/>
      <c r="AA68" s="561"/>
      <c r="AB68" s="562"/>
      <c r="AC68" s="536"/>
      <c r="AD68" s="562"/>
      <c r="AE68" s="536"/>
      <c r="AF68" s="537"/>
      <c r="AG68" s="536"/>
      <c r="AH68" s="537"/>
      <c r="AI68" s="565"/>
      <c r="AJ68" s="566"/>
      <c r="AK68" s="566"/>
      <c r="AL68" s="566"/>
      <c r="AM68" s="566"/>
      <c r="AN68" s="566"/>
      <c r="AO68" s="562"/>
      <c r="AP68" s="437" t="s">
        <v>58</v>
      </c>
      <c r="AQ68" s="438"/>
      <c r="AR68" s="439" t="s">
        <v>59</v>
      </c>
      <c r="AS68" s="439"/>
      <c r="AT68" s="556"/>
      <c r="AU68" s="549"/>
      <c r="AV68" s="543"/>
      <c r="AW68" s="548"/>
      <c r="AX68" s="549"/>
      <c r="AY68" s="549"/>
      <c r="AZ68" s="549"/>
      <c r="BA68" s="549"/>
      <c r="BB68" s="549"/>
      <c r="BC68" s="549"/>
      <c r="BD68" s="549"/>
      <c r="BE68" s="549"/>
      <c r="BF68" s="549"/>
      <c r="BG68" s="549"/>
      <c r="BH68" s="549"/>
      <c r="BI68" s="549"/>
      <c r="BJ68" s="549"/>
      <c r="BK68" s="543"/>
      <c r="BL68" s="548"/>
      <c r="BM68" s="549"/>
      <c r="BN68" s="543"/>
      <c r="BO68" s="548"/>
      <c r="BP68" s="554"/>
      <c r="BQ68" s="542"/>
      <c r="BR68" s="554"/>
      <c r="BS68" s="542"/>
      <c r="BT68" s="543"/>
      <c r="BU68" s="542"/>
      <c r="BV68" s="543"/>
      <c r="BW68" s="548"/>
      <c r="BX68" s="549"/>
      <c r="BY68" s="549"/>
      <c r="BZ68" s="549"/>
      <c r="CA68" s="549"/>
      <c r="CB68" s="549"/>
      <c r="CC68" s="554"/>
      <c r="CD68" s="437" t="s">
        <v>58</v>
      </c>
      <c r="CE68" s="234"/>
      <c r="CF68" s="233" t="s">
        <v>183</v>
      </c>
      <c r="CG68" s="233"/>
      <c r="CH68" s="234"/>
      <c r="CI68" s="547"/>
      <c r="CJ68" s="302"/>
      <c r="CK68" s="303"/>
      <c r="CL68" s="548"/>
      <c r="CM68" s="549"/>
      <c r="CN68" s="550"/>
    </row>
    <row r="69" spans="1:97" ht="12" customHeight="1" x14ac:dyDescent="0.2">
      <c r="A69" s="410"/>
      <c r="B69" s="206"/>
      <c r="C69" s="551"/>
      <c r="D69" s="552"/>
      <c r="E69" s="552"/>
      <c r="F69" s="552"/>
      <c r="G69" s="552"/>
      <c r="H69" s="552"/>
      <c r="I69" s="552"/>
      <c r="J69" s="552"/>
      <c r="K69" s="545"/>
      <c r="L69" s="551"/>
      <c r="M69" s="552"/>
      <c r="N69" s="552"/>
      <c r="O69" s="545"/>
      <c r="P69" s="551"/>
      <c r="Q69" s="552"/>
      <c r="R69" s="552"/>
      <c r="S69" s="552"/>
      <c r="T69" s="552"/>
      <c r="U69" s="552"/>
      <c r="V69" s="555"/>
      <c r="W69" s="448" t="s">
        <v>60</v>
      </c>
      <c r="X69" s="449"/>
      <c r="Y69" s="439"/>
      <c r="Z69" s="439"/>
      <c r="AA69" s="563"/>
      <c r="AB69" s="564"/>
      <c r="AC69" s="538"/>
      <c r="AD69" s="564"/>
      <c r="AE69" s="538"/>
      <c r="AF69" s="539"/>
      <c r="AG69" s="538"/>
      <c r="AH69" s="539"/>
      <c r="AI69" s="567"/>
      <c r="AJ69" s="568"/>
      <c r="AK69" s="568"/>
      <c r="AL69" s="568"/>
      <c r="AM69" s="568"/>
      <c r="AN69" s="568"/>
      <c r="AO69" s="564"/>
      <c r="AP69" s="448" t="s">
        <v>60</v>
      </c>
      <c r="AQ69" s="449"/>
      <c r="AR69" s="439"/>
      <c r="AS69" s="439"/>
      <c r="AT69" s="557"/>
      <c r="AU69" s="552"/>
      <c r="AV69" s="545"/>
      <c r="AW69" s="551"/>
      <c r="AX69" s="552"/>
      <c r="AY69" s="552"/>
      <c r="AZ69" s="552"/>
      <c r="BA69" s="552"/>
      <c r="BB69" s="552"/>
      <c r="BC69" s="552"/>
      <c r="BD69" s="552"/>
      <c r="BE69" s="552"/>
      <c r="BF69" s="552"/>
      <c r="BG69" s="552"/>
      <c r="BH69" s="552"/>
      <c r="BI69" s="552"/>
      <c r="BJ69" s="552"/>
      <c r="BK69" s="545"/>
      <c r="BL69" s="551"/>
      <c r="BM69" s="552"/>
      <c r="BN69" s="545"/>
      <c r="BO69" s="551"/>
      <c r="BP69" s="555"/>
      <c r="BQ69" s="544"/>
      <c r="BR69" s="555"/>
      <c r="BS69" s="544"/>
      <c r="BT69" s="545"/>
      <c r="BU69" s="544"/>
      <c r="BV69" s="545"/>
      <c r="BW69" s="551"/>
      <c r="BX69" s="552"/>
      <c r="BY69" s="552"/>
      <c r="BZ69" s="552"/>
      <c r="CA69" s="552"/>
      <c r="CB69" s="552"/>
      <c r="CC69" s="555"/>
      <c r="CD69" s="448" t="s">
        <v>60</v>
      </c>
      <c r="CE69" s="206"/>
      <c r="CF69" s="205"/>
      <c r="CG69" s="205"/>
      <c r="CH69" s="206"/>
      <c r="CI69" s="304"/>
      <c r="CJ69" s="305"/>
      <c r="CK69" s="306"/>
      <c r="CL69" s="551"/>
      <c r="CM69" s="552"/>
      <c r="CN69" s="553"/>
    </row>
    <row r="70" spans="1:97" ht="12" customHeight="1" x14ac:dyDescent="0.2">
      <c r="A70" s="410"/>
      <c r="B70" s="234">
        <f>B68+1</f>
        <v>43</v>
      </c>
      <c r="C70" s="548"/>
      <c r="D70" s="549"/>
      <c r="E70" s="549"/>
      <c r="F70" s="549"/>
      <c r="G70" s="549"/>
      <c r="H70" s="549"/>
      <c r="I70" s="549"/>
      <c r="J70" s="549"/>
      <c r="K70" s="543"/>
      <c r="L70" s="548"/>
      <c r="M70" s="549"/>
      <c r="N70" s="549"/>
      <c r="O70" s="543"/>
      <c r="P70" s="548"/>
      <c r="Q70" s="549"/>
      <c r="R70" s="549"/>
      <c r="S70" s="549"/>
      <c r="T70" s="549"/>
      <c r="U70" s="549"/>
      <c r="V70" s="554"/>
      <c r="W70" s="437" t="s">
        <v>58</v>
      </c>
      <c r="X70" s="438"/>
      <c r="Y70" s="439" t="s">
        <v>59</v>
      </c>
      <c r="Z70" s="439"/>
      <c r="AA70" s="561"/>
      <c r="AB70" s="562"/>
      <c r="AC70" s="536"/>
      <c r="AD70" s="562"/>
      <c r="AE70" s="536"/>
      <c r="AF70" s="537"/>
      <c r="AG70" s="536"/>
      <c r="AH70" s="537"/>
      <c r="AI70" s="565"/>
      <c r="AJ70" s="566"/>
      <c r="AK70" s="566"/>
      <c r="AL70" s="566"/>
      <c r="AM70" s="566"/>
      <c r="AN70" s="566"/>
      <c r="AO70" s="562"/>
      <c r="AP70" s="437" t="s">
        <v>58</v>
      </c>
      <c r="AQ70" s="438"/>
      <c r="AR70" s="439" t="s">
        <v>59</v>
      </c>
      <c r="AS70" s="439"/>
      <c r="AT70" s="556"/>
      <c r="AU70" s="549"/>
      <c r="AV70" s="543"/>
      <c r="AW70" s="548"/>
      <c r="AX70" s="549"/>
      <c r="AY70" s="549"/>
      <c r="AZ70" s="549"/>
      <c r="BA70" s="549"/>
      <c r="BB70" s="549"/>
      <c r="BC70" s="549"/>
      <c r="BD70" s="549"/>
      <c r="BE70" s="549"/>
      <c r="BF70" s="549"/>
      <c r="BG70" s="549"/>
      <c r="BH70" s="549"/>
      <c r="BI70" s="549"/>
      <c r="BJ70" s="549"/>
      <c r="BK70" s="543"/>
      <c r="BL70" s="548"/>
      <c r="BM70" s="549"/>
      <c r="BN70" s="543"/>
      <c r="BO70" s="548"/>
      <c r="BP70" s="554"/>
      <c r="BQ70" s="542"/>
      <c r="BR70" s="554"/>
      <c r="BS70" s="542"/>
      <c r="BT70" s="543"/>
      <c r="BU70" s="542"/>
      <c r="BV70" s="543"/>
      <c r="BW70" s="548"/>
      <c r="BX70" s="549"/>
      <c r="BY70" s="549"/>
      <c r="BZ70" s="549"/>
      <c r="CA70" s="549"/>
      <c r="CB70" s="549"/>
      <c r="CC70" s="554"/>
      <c r="CD70" s="437" t="s">
        <v>58</v>
      </c>
      <c r="CE70" s="234"/>
      <c r="CF70" s="233" t="s">
        <v>183</v>
      </c>
      <c r="CG70" s="233"/>
      <c r="CH70" s="234"/>
      <c r="CI70" s="547"/>
      <c r="CJ70" s="302"/>
      <c r="CK70" s="303"/>
      <c r="CL70" s="548"/>
      <c r="CM70" s="549"/>
      <c r="CN70" s="550"/>
    </row>
    <row r="71" spans="1:97" ht="12" customHeight="1" x14ac:dyDescent="0.2">
      <c r="A71" s="410"/>
      <c r="B71" s="206"/>
      <c r="C71" s="551"/>
      <c r="D71" s="552"/>
      <c r="E71" s="552"/>
      <c r="F71" s="552"/>
      <c r="G71" s="552"/>
      <c r="H71" s="552"/>
      <c r="I71" s="552"/>
      <c r="J71" s="552"/>
      <c r="K71" s="545"/>
      <c r="L71" s="551"/>
      <c r="M71" s="552"/>
      <c r="N71" s="552"/>
      <c r="O71" s="545"/>
      <c r="P71" s="551"/>
      <c r="Q71" s="552"/>
      <c r="R71" s="552"/>
      <c r="S71" s="552"/>
      <c r="T71" s="552"/>
      <c r="U71" s="552"/>
      <c r="V71" s="555"/>
      <c r="W71" s="448" t="s">
        <v>60</v>
      </c>
      <c r="X71" s="449"/>
      <c r="Y71" s="439"/>
      <c r="Z71" s="439"/>
      <c r="AA71" s="563"/>
      <c r="AB71" s="564"/>
      <c r="AC71" s="538"/>
      <c r="AD71" s="564"/>
      <c r="AE71" s="538"/>
      <c r="AF71" s="539"/>
      <c r="AG71" s="538"/>
      <c r="AH71" s="539"/>
      <c r="AI71" s="567"/>
      <c r="AJ71" s="568"/>
      <c r="AK71" s="568"/>
      <c r="AL71" s="568"/>
      <c r="AM71" s="568"/>
      <c r="AN71" s="568"/>
      <c r="AO71" s="564"/>
      <c r="AP71" s="448" t="s">
        <v>60</v>
      </c>
      <c r="AQ71" s="449"/>
      <c r="AR71" s="439"/>
      <c r="AS71" s="439"/>
      <c r="AT71" s="557"/>
      <c r="AU71" s="552"/>
      <c r="AV71" s="545"/>
      <c r="AW71" s="551"/>
      <c r="AX71" s="552"/>
      <c r="AY71" s="552"/>
      <c r="AZ71" s="552"/>
      <c r="BA71" s="552"/>
      <c r="BB71" s="552"/>
      <c r="BC71" s="552"/>
      <c r="BD71" s="552"/>
      <c r="BE71" s="552"/>
      <c r="BF71" s="552"/>
      <c r="BG71" s="552"/>
      <c r="BH71" s="552"/>
      <c r="BI71" s="552"/>
      <c r="BJ71" s="552"/>
      <c r="BK71" s="545"/>
      <c r="BL71" s="551"/>
      <c r="BM71" s="552"/>
      <c r="BN71" s="545"/>
      <c r="BO71" s="551"/>
      <c r="BP71" s="555"/>
      <c r="BQ71" s="544"/>
      <c r="BR71" s="555"/>
      <c r="BS71" s="544"/>
      <c r="BT71" s="545"/>
      <c r="BU71" s="544"/>
      <c r="BV71" s="545"/>
      <c r="BW71" s="551"/>
      <c r="BX71" s="552"/>
      <c r="BY71" s="552"/>
      <c r="BZ71" s="552"/>
      <c r="CA71" s="552"/>
      <c r="CB71" s="552"/>
      <c r="CC71" s="555"/>
      <c r="CD71" s="448" t="s">
        <v>60</v>
      </c>
      <c r="CE71" s="206"/>
      <c r="CF71" s="205"/>
      <c r="CG71" s="205"/>
      <c r="CH71" s="206"/>
      <c r="CI71" s="304"/>
      <c r="CJ71" s="305"/>
      <c r="CK71" s="306"/>
      <c r="CL71" s="551"/>
      <c r="CM71" s="552"/>
      <c r="CN71" s="553"/>
    </row>
    <row r="72" spans="1:97" ht="12" customHeight="1" x14ac:dyDescent="0.2">
      <c r="A72" s="410"/>
      <c r="B72" s="234">
        <f>B70+1</f>
        <v>44</v>
      </c>
      <c r="C72" s="548"/>
      <c r="D72" s="549"/>
      <c r="E72" s="549"/>
      <c r="F72" s="549"/>
      <c r="G72" s="549"/>
      <c r="H72" s="549"/>
      <c r="I72" s="549"/>
      <c r="J72" s="549"/>
      <c r="K72" s="543"/>
      <c r="L72" s="548"/>
      <c r="M72" s="549"/>
      <c r="N72" s="549"/>
      <c r="O72" s="543"/>
      <c r="P72" s="548"/>
      <c r="Q72" s="549"/>
      <c r="R72" s="549"/>
      <c r="S72" s="549"/>
      <c r="T72" s="549"/>
      <c r="U72" s="549"/>
      <c r="V72" s="554"/>
      <c r="W72" s="437" t="s">
        <v>58</v>
      </c>
      <c r="X72" s="438"/>
      <c r="Y72" s="439" t="s">
        <v>59</v>
      </c>
      <c r="Z72" s="439"/>
      <c r="AA72" s="561"/>
      <c r="AB72" s="562"/>
      <c r="AC72" s="536"/>
      <c r="AD72" s="562"/>
      <c r="AE72" s="536"/>
      <c r="AF72" s="537"/>
      <c r="AG72" s="536"/>
      <c r="AH72" s="537"/>
      <c r="AI72" s="565"/>
      <c r="AJ72" s="566"/>
      <c r="AK72" s="566"/>
      <c r="AL72" s="566"/>
      <c r="AM72" s="566"/>
      <c r="AN72" s="566"/>
      <c r="AO72" s="562"/>
      <c r="AP72" s="437" t="s">
        <v>58</v>
      </c>
      <c r="AQ72" s="438"/>
      <c r="AR72" s="439" t="s">
        <v>59</v>
      </c>
      <c r="AS72" s="439"/>
      <c r="AT72" s="556"/>
      <c r="AU72" s="549"/>
      <c r="AV72" s="543"/>
      <c r="AW72" s="548"/>
      <c r="AX72" s="549"/>
      <c r="AY72" s="549"/>
      <c r="AZ72" s="549"/>
      <c r="BA72" s="549"/>
      <c r="BB72" s="549"/>
      <c r="BC72" s="549"/>
      <c r="BD72" s="549"/>
      <c r="BE72" s="549"/>
      <c r="BF72" s="549"/>
      <c r="BG72" s="549"/>
      <c r="BH72" s="549"/>
      <c r="BI72" s="549"/>
      <c r="BJ72" s="549"/>
      <c r="BK72" s="543"/>
      <c r="BL72" s="548"/>
      <c r="BM72" s="549"/>
      <c r="BN72" s="543"/>
      <c r="BO72" s="548"/>
      <c r="BP72" s="554"/>
      <c r="BQ72" s="542"/>
      <c r="BR72" s="554"/>
      <c r="BS72" s="542"/>
      <c r="BT72" s="543"/>
      <c r="BU72" s="542"/>
      <c r="BV72" s="543"/>
      <c r="BW72" s="548"/>
      <c r="BX72" s="549"/>
      <c r="BY72" s="549"/>
      <c r="BZ72" s="549"/>
      <c r="CA72" s="549"/>
      <c r="CB72" s="549"/>
      <c r="CC72" s="554"/>
      <c r="CD72" s="437" t="s">
        <v>58</v>
      </c>
      <c r="CE72" s="234"/>
      <c r="CF72" s="233" t="s">
        <v>183</v>
      </c>
      <c r="CG72" s="233"/>
      <c r="CH72" s="234"/>
      <c r="CI72" s="547"/>
      <c r="CJ72" s="302"/>
      <c r="CK72" s="303"/>
      <c r="CL72" s="548"/>
      <c r="CM72" s="549"/>
      <c r="CN72" s="550"/>
    </row>
    <row r="73" spans="1:97" ht="12" customHeight="1" x14ac:dyDescent="0.2">
      <c r="A73" s="410"/>
      <c r="B73" s="206"/>
      <c r="C73" s="551"/>
      <c r="D73" s="552"/>
      <c r="E73" s="552"/>
      <c r="F73" s="552"/>
      <c r="G73" s="552"/>
      <c r="H73" s="552"/>
      <c r="I73" s="552"/>
      <c r="J73" s="552"/>
      <c r="K73" s="545"/>
      <c r="L73" s="551"/>
      <c r="M73" s="552"/>
      <c r="N73" s="552"/>
      <c r="O73" s="545"/>
      <c r="P73" s="551"/>
      <c r="Q73" s="552"/>
      <c r="R73" s="552"/>
      <c r="S73" s="552"/>
      <c r="T73" s="552"/>
      <c r="U73" s="552"/>
      <c r="V73" s="555"/>
      <c r="W73" s="448" t="s">
        <v>60</v>
      </c>
      <c r="X73" s="449"/>
      <c r="Y73" s="439"/>
      <c r="Z73" s="439"/>
      <c r="AA73" s="563"/>
      <c r="AB73" s="564"/>
      <c r="AC73" s="538"/>
      <c r="AD73" s="564"/>
      <c r="AE73" s="538"/>
      <c r="AF73" s="539"/>
      <c r="AG73" s="538"/>
      <c r="AH73" s="539"/>
      <c r="AI73" s="567"/>
      <c r="AJ73" s="568"/>
      <c r="AK73" s="568"/>
      <c r="AL73" s="568"/>
      <c r="AM73" s="568"/>
      <c r="AN73" s="568"/>
      <c r="AO73" s="564"/>
      <c r="AP73" s="448" t="s">
        <v>60</v>
      </c>
      <c r="AQ73" s="449"/>
      <c r="AR73" s="439"/>
      <c r="AS73" s="439"/>
      <c r="AT73" s="557"/>
      <c r="AU73" s="552"/>
      <c r="AV73" s="545"/>
      <c r="AW73" s="551"/>
      <c r="AX73" s="552"/>
      <c r="AY73" s="552"/>
      <c r="AZ73" s="552"/>
      <c r="BA73" s="552"/>
      <c r="BB73" s="552"/>
      <c r="BC73" s="552"/>
      <c r="BD73" s="552"/>
      <c r="BE73" s="552"/>
      <c r="BF73" s="552"/>
      <c r="BG73" s="552"/>
      <c r="BH73" s="552"/>
      <c r="BI73" s="552"/>
      <c r="BJ73" s="552"/>
      <c r="BK73" s="545"/>
      <c r="BL73" s="551"/>
      <c r="BM73" s="552"/>
      <c r="BN73" s="545"/>
      <c r="BO73" s="551"/>
      <c r="BP73" s="555"/>
      <c r="BQ73" s="544"/>
      <c r="BR73" s="555"/>
      <c r="BS73" s="544"/>
      <c r="BT73" s="545"/>
      <c r="BU73" s="544"/>
      <c r="BV73" s="545"/>
      <c r="BW73" s="551"/>
      <c r="BX73" s="552"/>
      <c r="BY73" s="552"/>
      <c r="BZ73" s="552"/>
      <c r="CA73" s="552"/>
      <c r="CB73" s="552"/>
      <c r="CC73" s="555"/>
      <c r="CD73" s="448" t="s">
        <v>60</v>
      </c>
      <c r="CE73" s="206"/>
      <c r="CF73" s="205"/>
      <c r="CG73" s="205"/>
      <c r="CH73" s="206"/>
      <c r="CI73" s="304"/>
      <c r="CJ73" s="305"/>
      <c r="CK73" s="306"/>
      <c r="CL73" s="551"/>
      <c r="CM73" s="552"/>
      <c r="CN73" s="553"/>
    </row>
    <row r="74" spans="1:97" ht="12" customHeight="1" x14ac:dyDescent="0.2">
      <c r="A74" s="410"/>
      <c r="B74" s="234">
        <f>B72+1</f>
        <v>45</v>
      </c>
      <c r="C74" s="548"/>
      <c r="D74" s="549"/>
      <c r="E74" s="549"/>
      <c r="F74" s="549"/>
      <c r="G74" s="549"/>
      <c r="H74" s="549"/>
      <c r="I74" s="549"/>
      <c r="J74" s="549"/>
      <c r="K74" s="543"/>
      <c r="L74" s="548"/>
      <c r="M74" s="549"/>
      <c r="N74" s="549"/>
      <c r="O74" s="543"/>
      <c r="P74" s="548"/>
      <c r="Q74" s="549"/>
      <c r="R74" s="549"/>
      <c r="S74" s="549"/>
      <c r="T74" s="549"/>
      <c r="U74" s="549"/>
      <c r="V74" s="554"/>
      <c r="W74" s="437" t="s">
        <v>58</v>
      </c>
      <c r="X74" s="438"/>
      <c r="Y74" s="439" t="s">
        <v>59</v>
      </c>
      <c r="Z74" s="439"/>
      <c r="AA74" s="561"/>
      <c r="AB74" s="562"/>
      <c r="AC74" s="536"/>
      <c r="AD74" s="562"/>
      <c r="AE74" s="536"/>
      <c r="AF74" s="537"/>
      <c r="AG74" s="536"/>
      <c r="AH74" s="537"/>
      <c r="AI74" s="565"/>
      <c r="AJ74" s="566"/>
      <c r="AK74" s="566"/>
      <c r="AL74" s="566"/>
      <c r="AM74" s="566"/>
      <c r="AN74" s="566"/>
      <c r="AO74" s="562"/>
      <c r="AP74" s="437" t="s">
        <v>58</v>
      </c>
      <c r="AQ74" s="438"/>
      <c r="AR74" s="439" t="s">
        <v>59</v>
      </c>
      <c r="AS74" s="439"/>
      <c r="AT74" s="556"/>
      <c r="AU74" s="549"/>
      <c r="AV74" s="543"/>
      <c r="AW74" s="548"/>
      <c r="AX74" s="549"/>
      <c r="AY74" s="549"/>
      <c r="AZ74" s="549"/>
      <c r="BA74" s="549"/>
      <c r="BB74" s="549"/>
      <c r="BC74" s="549"/>
      <c r="BD74" s="549"/>
      <c r="BE74" s="549"/>
      <c r="BF74" s="549"/>
      <c r="BG74" s="549"/>
      <c r="BH74" s="549"/>
      <c r="BI74" s="549"/>
      <c r="BJ74" s="549"/>
      <c r="BK74" s="543"/>
      <c r="BL74" s="548"/>
      <c r="BM74" s="549"/>
      <c r="BN74" s="543"/>
      <c r="BO74" s="548"/>
      <c r="BP74" s="554"/>
      <c r="BQ74" s="542"/>
      <c r="BR74" s="554"/>
      <c r="BS74" s="542"/>
      <c r="BT74" s="543"/>
      <c r="BU74" s="542"/>
      <c r="BV74" s="543"/>
      <c r="BW74" s="548"/>
      <c r="BX74" s="549"/>
      <c r="BY74" s="549"/>
      <c r="BZ74" s="549"/>
      <c r="CA74" s="549"/>
      <c r="CB74" s="549"/>
      <c r="CC74" s="554"/>
      <c r="CD74" s="437" t="s">
        <v>58</v>
      </c>
      <c r="CE74" s="234"/>
      <c r="CF74" s="233" t="s">
        <v>183</v>
      </c>
      <c r="CG74" s="233"/>
      <c r="CH74" s="234"/>
      <c r="CI74" s="547"/>
      <c r="CJ74" s="302"/>
      <c r="CK74" s="303"/>
      <c r="CL74" s="548"/>
      <c r="CM74" s="549"/>
      <c r="CN74" s="550"/>
    </row>
    <row r="75" spans="1:97" ht="12" customHeight="1" thickBot="1" x14ac:dyDescent="0.25">
      <c r="A75" s="411"/>
      <c r="B75" s="344"/>
      <c r="C75" s="583"/>
      <c r="D75" s="584"/>
      <c r="E75" s="584"/>
      <c r="F75" s="584"/>
      <c r="G75" s="584"/>
      <c r="H75" s="584"/>
      <c r="I75" s="584"/>
      <c r="J75" s="584"/>
      <c r="K75" s="570"/>
      <c r="L75" s="583"/>
      <c r="M75" s="584"/>
      <c r="N75" s="584"/>
      <c r="O75" s="570"/>
      <c r="P75" s="583"/>
      <c r="Q75" s="584"/>
      <c r="R75" s="584"/>
      <c r="S75" s="584"/>
      <c r="T75" s="584"/>
      <c r="U75" s="584"/>
      <c r="V75" s="587"/>
      <c r="W75" s="516" t="s">
        <v>60</v>
      </c>
      <c r="X75" s="517"/>
      <c r="Y75" s="502"/>
      <c r="Z75" s="502"/>
      <c r="AA75" s="588"/>
      <c r="AB75" s="589"/>
      <c r="AC75" s="540"/>
      <c r="AD75" s="589"/>
      <c r="AE75" s="540"/>
      <c r="AF75" s="541"/>
      <c r="AG75" s="540"/>
      <c r="AH75" s="541"/>
      <c r="AI75" s="590"/>
      <c r="AJ75" s="591"/>
      <c r="AK75" s="591"/>
      <c r="AL75" s="591"/>
      <c r="AM75" s="591"/>
      <c r="AN75" s="591"/>
      <c r="AO75" s="589"/>
      <c r="AP75" s="516" t="s">
        <v>60</v>
      </c>
      <c r="AQ75" s="517"/>
      <c r="AR75" s="502"/>
      <c r="AS75" s="502"/>
      <c r="AT75" s="586"/>
      <c r="AU75" s="584"/>
      <c r="AV75" s="570"/>
      <c r="AW75" s="583"/>
      <c r="AX75" s="584"/>
      <c r="AY75" s="584"/>
      <c r="AZ75" s="584"/>
      <c r="BA75" s="584"/>
      <c r="BB75" s="584"/>
      <c r="BC75" s="584"/>
      <c r="BD75" s="584"/>
      <c r="BE75" s="584"/>
      <c r="BF75" s="584"/>
      <c r="BG75" s="584"/>
      <c r="BH75" s="584"/>
      <c r="BI75" s="584"/>
      <c r="BJ75" s="584"/>
      <c r="BK75" s="570"/>
      <c r="BL75" s="583"/>
      <c r="BM75" s="584"/>
      <c r="BN75" s="570"/>
      <c r="BO75" s="583"/>
      <c r="BP75" s="587"/>
      <c r="BQ75" s="569"/>
      <c r="BR75" s="587"/>
      <c r="BS75" s="569"/>
      <c r="BT75" s="570"/>
      <c r="BU75" s="569"/>
      <c r="BV75" s="570"/>
      <c r="BW75" s="583"/>
      <c r="BX75" s="584"/>
      <c r="BY75" s="584"/>
      <c r="BZ75" s="584"/>
      <c r="CA75" s="584"/>
      <c r="CB75" s="584"/>
      <c r="CC75" s="587"/>
      <c r="CD75" s="516" t="s">
        <v>60</v>
      </c>
      <c r="CE75" s="344"/>
      <c r="CF75" s="343"/>
      <c r="CG75" s="343"/>
      <c r="CH75" s="344"/>
      <c r="CI75" s="304"/>
      <c r="CJ75" s="305"/>
      <c r="CK75" s="306"/>
      <c r="CL75" s="583"/>
      <c r="CM75" s="584"/>
      <c r="CN75" s="585"/>
    </row>
    <row r="76" spans="1:97" ht="12" customHeight="1" x14ac:dyDescent="0.2">
      <c r="AS76" s="27"/>
      <c r="AT76" s="27"/>
      <c r="AU76" s="27"/>
      <c r="AV76" s="27"/>
      <c r="AW76" s="27"/>
      <c r="AX76" s="27"/>
      <c r="AY76" s="27"/>
      <c r="AZ76" s="27"/>
      <c r="BA76" s="27"/>
      <c r="BB76" s="27"/>
      <c r="BC76" s="27"/>
      <c r="BD76" s="27"/>
      <c r="BE76" s="27"/>
      <c r="BF76" s="27"/>
      <c r="BG76" s="27"/>
      <c r="BH76" s="27"/>
      <c r="BP76" s="77"/>
      <c r="BQ76" s="77"/>
      <c r="BR76" s="77"/>
      <c r="BS76" s="77"/>
      <c r="BT76" s="27"/>
      <c r="BU76" s="27"/>
      <c r="BV76" s="27"/>
      <c r="BW76" s="27"/>
      <c r="BX76" s="27"/>
      <c r="BY76" s="27"/>
      <c r="BZ76" s="27"/>
      <c r="CA76" s="27"/>
      <c r="CB76" s="27"/>
      <c r="CC76" s="27"/>
      <c r="CD76" s="78"/>
      <c r="CE76" s="79"/>
      <c r="CF76" s="79"/>
      <c r="CG76" s="79"/>
      <c r="CH76" s="79"/>
      <c r="CI76" s="79"/>
      <c r="CJ76" s="79"/>
      <c r="CK76" s="79"/>
      <c r="CL76" s="66"/>
      <c r="CM76" s="66"/>
      <c r="CN76" s="66"/>
      <c r="CO76" s="66"/>
    </row>
    <row r="77" spans="1:97" ht="12" customHeight="1" x14ac:dyDescent="0.2">
      <c r="A77" s="80"/>
      <c r="B77" s="80"/>
      <c r="C77" s="80"/>
      <c r="D77" s="80"/>
      <c r="E77" s="80"/>
      <c r="F77" s="80"/>
      <c r="G77" s="80"/>
      <c r="H77" s="503" t="s">
        <v>65</v>
      </c>
      <c r="I77" s="504"/>
      <c r="J77" s="504"/>
      <c r="K77" s="504"/>
      <c r="L77" s="504"/>
      <c r="M77" s="504"/>
      <c r="N77" s="504"/>
      <c r="O77" s="504"/>
      <c r="P77" s="504"/>
      <c r="Q77" s="504"/>
      <c r="R77" s="504"/>
      <c r="S77" s="505"/>
      <c r="T77" s="558" t="s">
        <v>61</v>
      </c>
      <c r="U77" s="559"/>
      <c r="V77" s="559"/>
      <c r="W77" s="559"/>
      <c r="X77" s="559"/>
      <c r="Y77" s="559"/>
      <c r="Z77" s="559"/>
      <c r="AA77" s="559"/>
      <c r="AB77" s="559"/>
      <c r="AC77" s="559"/>
      <c r="AD77" s="559"/>
      <c r="AE77" s="559"/>
      <c r="AF77" s="559"/>
      <c r="AG77" s="559"/>
      <c r="AH77" s="559"/>
      <c r="AI77" s="559"/>
      <c r="AJ77" s="559"/>
      <c r="AK77" s="559"/>
      <c r="AL77" s="559"/>
      <c r="AM77" s="559"/>
      <c r="AN77" s="559"/>
      <c r="AO77" s="559"/>
      <c r="AP77" s="559"/>
      <c r="AQ77" s="559"/>
      <c r="AR77" s="559"/>
      <c r="AS77" s="559"/>
      <c r="AT77" s="560"/>
      <c r="AU77" s="560"/>
      <c r="AV77" s="81"/>
      <c r="AW77" s="81"/>
      <c r="AX77" s="81"/>
      <c r="AY77" s="81"/>
      <c r="AZ77" s="81"/>
      <c r="BA77" s="27"/>
      <c r="BB77" s="27"/>
      <c r="BC77" s="27"/>
      <c r="BD77" s="27"/>
      <c r="BE77" s="27"/>
      <c r="BF77" s="27"/>
      <c r="BG77" s="27"/>
      <c r="BH77" s="27"/>
      <c r="BI77" s="503" t="s">
        <v>62</v>
      </c>
      <c r="BJ77" s="504"/>
      <c r="BK77" s="504"/>
      <c r="BL77" s="504"/>
      <c r="BM77" s="504"/>
      <c r="BN77" s="504"/>
      <c r="BO77" s="504"/>
      <c r="BP77" s="504"/>
      <c r="BQ77" s="505"/>
      <c r="BR77" s="82"/>
      <c r="BS77" s="27"/>
      <c r="BT77" s="27"/>
      <c r="BU77" s="27"/>
      <c r="BV77" s="27"/>
      <c r="BW77" s="509" t="s">
        <v>64</v>
      </c>
      <c r="BX77" s="510"/>
      <c r="BY77" s="510"/>
      <c r="BZ77" s="510"/>
      <c r="CA77" s="510"/>
      <c r="CB77" s="510"/>
      <c r="CC77" s="510"/>
      <c r="CD77" s="510"/>
      <c r="CE77" s="510"/>
      <c r="CF77" s="510"/>
      <c r="CG77" s="510"/>
      <c r="CH77" s="511"/>
      <c r="CI77" s="509" t="s">
        <v>66</v>
      </c>
      <c r="CJ77" s="510"/>
      <c r="CK77" s="510"/>
      <c r="CL77" s="510"/>
      <c r="CM77" s="510"/>
      <c r="CN77" s="511"/>
      <c r="CO77" s="98"/>
      <c r="CP77" s="98"/>
      <c r="CQ77" s="98"/>
      <c r="CR77" s="98"/>
      <c r="CS77" s="98"/>
    </row>
    <row r="78" spans="1:97" ht="12" customHeight="1" x14ac:dyDescent="0.2">
      <c r="A78" s="80"/>
      <c r="B78" s="80"/>
      <c r="C78" s="80"/>
      <c r="D78" s="80"/>
      <c r="E78" s="80"/>
      <c r="F78" s="80"/>
      <c r="G78" s="80"/>
      <c r="H78" s="506"/>
      <c r="I78" s="507"/>
      <c r="J78" s="507"/>
      <c r="K78" s="507"/>
      <c r="L78" s="507"/>
      <c r="M78" s="507"/>
      <c r="N78" s="507"/>
      <c r="O78" s="507"/>
      <c r="P78" s="507"/>
      <c r="Q78" s="507"/>
      <c r="R78" s="507"/>
      <c r="S78" s="508"/>
      <c r="T78" s="558"/>
      <c r="U78" s="559"/>
      <c r="V78" s="559"/>
      <c r="W78" s="559"/>
      <c r="X78" s="559"/>
      <c r="Y78" s="559"/>
      <c r="Z78" s="559"/>
      <c r="AA78" s="559"/>
      <c r="AB78" s="559"/>
      <c r="AC78" s="559"/>
      <c r="AD78" s="559"/>
      <c r="AE78" s="559"/>
      <c r="AF78" s="559"/>
      <c r="AG78" s="559"/>
      <c r="AH78" s="559"/>
      <c r="AI78" s="559"/>
      <c r="AJ78" s="559"/>
      <c r="AK78" s="559"/>
      <c r="AL78" s="559"/>
      <c r="AM78" s="559"/>
      <c r="AN78" s="559"/>
      <c r="AO78" s="559"/>
      <c r="AP78" s="559"/>
      <c r="AQ78" s="559"/>
      <c r="AR78" s="559"/>
      <c r="AS78" s="559"/>
      <c r="AT78" s="560"/>
      <c r="AU78" s="560"/>
      <c r="AV78" s="81"/>
      <c r="AW78" s="81"/>
      <c r="AX78" s="81"/>
      <c r="AY78" s="81"/>
      <c r="AZ78" s="81"/>
      <c r="BA78" s="83"/>
      <c r="BB78" s="83"/>
      <c r="BC78" s="83"/>
      <c r="BD78" s="83"/>
      <c r="BE78" s="83"/>
      <c r="BF78" s="83"/>
      <c r="BG78" s="83"/>
      <c r="BH78" s="83"/>
      <c r="BI78" s="506"/>
      <c r="BJ78" s="507"/>
      <c r="BK78" s="507"/>
      <c r="BL78" s="507"/>
      <c r="BM78" s="507"/>
      <c r="BN78" s="507"/>
      <c r="BO78" s="507"/>
      <c r="BP78" s="507"/>
      <c r="BQ78" s="508"/>
      <c r="BR78" s="82"/>
      <c r="BS78" s="83"/>
      <c r="BT78" s="83"/>
      <c r="BU78" s="83"/>
      <c r="BV78" s="83"/>
      <c r="BW78" s="512"/>
      <c r="BX78" s="513"/>
      <c r="BY78" s="513"/>
      <c r="BZ78" s="513"/>
      <c r="CA78" s="513"/>
      <c r="CB78" s="513"/>
      <c r="CC78" s="513"/>
      <c r="CD78" s="513"/>
      <c r="CE78" s="513"/>
      <c r="CF78" s="513"/>
      <c r="CG78" s="513"/>
      <c r="CH78" s="514"/>
      <c r="CI78" s="512"/>
      <c r="CJ78" s="513"/>
      <c r="CK78" s="513"/>
      <c r="CL78" s="513"/>
      <c r="CM78" s="513"/>
      <c r="CN78" s="514"/>
      <c r="CO78" s="98"/>
      <c r="CP78" s="98"/>
      <c r="CQ78" s="98"/>
      <c r="CR78" s="98"/>
      <c r="CS78" s="98"/>
    </row>
  </sheetData>
  <mergeCells count="1012">
    <mergeCell ref="CI1:CN1"/>
    <mergeCell ref="Y40:Z41"/>
    <mergeCell ref="A3:A75"/>
    <mergeCell ref="C3:K5"/>
    <mergeCell ref="L3:O5"/>
    <mergeCell ref="P3:V5"/>
    <mergeCell ref="AA3:AF3"/>
    <mergeCell ref="B6:B7"/>
    <mergeCell ref="C6:K7"/>
    <mergeCell ref="L6:O7"/>
    <mergeCell ref="P6:V7"/>
    <mergeCell ref="B32:B33"/>
    <mergeCell ref="C32:K33"/>
    <mergeCell ref="L32:O33"/>
    <mergeCell ref="P32:V33"/>
    <mergeCell ref="BW3:CC5"/>
    <mergeCell ref="W4:X5"/>
    <mergeCell ref="AA4:AB5"/>
    <mergeCell ref="AC4:AD5"/>
    <mergeCell ref="AE4:AF5"/>
    <mergeCell ref="CL3:CN5"/>
    <mergeCell ref="BQ4:BR5"/>
    <mergeCell ref="BS4:BT5"/>
    <mergeCell ref="CD4:CE5"/>
    <mergeCell ref="AI6:AO7"/>
    <mergeCell ref="AP4:AQ5"/>
    <mergeCell ref="BO4:BP5"/>
    <mergeCell ref="BL3:BN5"/>
    <mergeCell ref="BO3:BT3"/>
    <mergeCell ref="AT3:AV5"/>
    <mergeCell ref="AW3:BK5"/>
    <mergeCell ref="AI3:AO5"/>
    <mergeCell ref="CF6:CH7"/>
    <mergeCell ref="CF3:CH5"/>
    <mergeCell ref="CI6:CK7"/>
    <mergeCell ref="CI3:CK5"/>
    <mergeCell ref="W6:X6"/>
    <mergeCell ref="Y6:Z7"/>
    <mergeCell ref="BL6:BN7"/>
    <mergeCell ref="BO6:BP7"/>
    <mergeCell ref="BQ6:BR7"/>
    <mergeCell ref="BS6:BT7"/>
    <mergeCell ref="AA6:AB7"/>
    <mergeCell ref="AC6:AD7"/>
    <mergeCell ref="AE6:AF7"/>
    <mergeCell ref="AG6:AH7"/>
    <mergeCell ref="CL6:CN7"/>
    <mergeCell ref="W7:X7"/>
    <mergeCell ref="AP7:AQ7"/>
    <mergeCell ref="CD7:CE7"/>
    <mergeCell ref="AT6:AV7"/>
    <mergeCell ref="AW6:BK7"/>
    <mergeCell ref="AP6:AQ6"/>
    <mergeCell ref="AR6:AS7"/>
    <mergeCell ref="BW6:CC7"/>
    <mergeCell ref="CD6:CE6"/>
    <mergeCell ref="AG3:AH5"/>
    <mergeCell ref="BU3:BV5"/>
    <mergeCell ref="B56:B57"/>
    <mergeCell ref="C56:K57"/>
    <mergeCell ref="L56:O57"/>
    <mergeCell ref="P56:V57"/>
    <mergeCell ref="W56:X56"/>
    <mergeCell ref="Y56:Z57"/>
    <mergeCell ref="BL56:BN57"/>
    <mergeCell ref="BO56:BP57"/>
    <mergeCell ref="BQ56:BR57"/>
    <mergeCell ref="BS56:BT57"/>
    <mergeCell ref="AA56:AB57"/>
    <mergeCell ref="AC56:AD57"/>
    <mergeCell ref="AE56:AF57"/>
    <mergeCell ref="AI56:AO57"/>
    <mergeCell ref="AP56:AQ56"/>
    <mergeCell ref="AR56:AS57"/>
    <mergeCell ref="BW56:CC57"/>
    <mergeCell ref="CD56:CE56"/>
    <mergeCell ref="CF56:CH57"/>
    <mergeCell ref="CI56:CK57"/>
    <mergeCell ref="CL56:CN57"/>
    <mergeCell ref="W57:X57"/>
    <mergeCell ref="AP57:AQ57"/>
    <mergeCell ref="CD57:CE57"/>
    <mergeCell ref="AT56:AV57"/>
    <mergeCell ref="AW56:BK57"/>
    <mergeCell ref="B58:B59"/>
    <mergeCell ref="C58:K59"/>
    <mergeCell ref="L58:O59"/>
    <mergeCell ref="P58:V59"/>
    <mergeCell ref="W58:X58"/>
    <mergeCell ref="Y58:Z59"/>
    <mergeCell ref="BL58:BN59"/>
    <mergeCell ref="BO58:BP59"/>
    <mergeCell ref="BQ58:BR59"/>
    <mergeCell ref="BS58:BT59"/>
    <mergeCell ref="AA58:AB59"/>
    <mergeCell ref="AC58:AD59"/>
    <mergeCell ref="AE58:AF59"/>
    <mergeCell ref="AI58:AO59"/>
    <mergeCell ref="AP58:AQ58"/>
    <mergeCell ref="AR58:AS59"/>
    <mergeCell ref="BW58:CC59"/>
    <mergeCell ref="CD58:CE58"/>
    <mergeCell ref="CF58:CH59"/>
    <mergeCell ref="CI58:CK59"/>
    <mergeCell ref="CL58:CN59"/>
    <mergeCell ref="W59:X59"/>
    <mergeCell ref="AP59:AQ59"/>
    <mergeCell ref="CD59:CE59"/>
    <mergeCell ref="AT58:AV59"/>
    <mergeCell ref="AW58:BK59"/>
    <mergeCell ref="B60:B61"/>
    <mergeCell ref="C60:K61"/>
    <mergeCell ref="L60:O61"/>
    <mergeCell ref="P60:V61"/>
    <mergeCell ref="W60:X60"/>
    <mergeCell ref="Y60:Z61"/>
    <mergeCell ref="BL60:BN61"/>
    <mergeCell ref="BO60:BP61"/>
    <mergeCell ref="BQ60:BR61"/>
    <mergeCell ref="BS60:BT61"/>
    <mergeCell ref="AA60:AB61"/>
    <mergeCell ref="AC60:AD61"/>
    <mergeCell ref="AE60:AF61"/>
    <mergeCell ref="AI60:AO61"/>
    <mergeCell ref="AP60:AQ60"/>
    <mergeCell ref="AR60:AS61"/>
    <mergeCell ref="BW60:CC61"/>
    <mergeCell ref="CD60:CE60"/>
    <mergeCell ref="AG60:AH61"/>
    <mergeCell ref="BU58:BV59"/>
    <mergeCell ref="BU60:BV61"/>
    <mergeCell ref="CF60:CH61"/>
    <mergeCell ref="CI60:CK61"/>
    <mergeCell ref="CL60:CN61"/>
    <mergeCell ref="W61:X61"/>
    <mergeCell ref="AP61:AQ61"/>
    <mergeCell ref="CD61:CE61"/>
    <mergeCell ref="AT60:AV61"/>
    <mergeCell ref="AW60:BK61"/>
    <mergeCell ref="B62:B63"/>
    <mergeCell ref="C62:K63"/>
    <mergeCell ref="L62:O63"/>
    <mergeCell ref="P62:V63"/>
    <mergeCell ref="W62:X62"/>
    <mergeCell ref="Y62:Z63"/>
    <mergeCell ref="BL62:BN63"/>
    <mergeCell ref="BO62:BP63"/>
    <mergeCell ref="BQ62:BR63"/>
    <mergeCell ref="BS62:BT63"/>
    <mergeCell ref="AA62:AB63"/>
    <mergeCell ref="AC62:AD63"/>
    <mergeCell ref="AE62:AF63"/>
    <mergeCell ref="AI62:AO63"/>
    <mergeCell ref="AP62:AQ62"/>
    <mergeCell ref="AR62:AS63"/>
    <mergeCell ref="BW62:CC63"/>
    <mergeCell ref="CD62:CE62"/>
    <mergeCell ref="CF62:CH63"/>
    <mergeCell ref="CI62:CK63"/>
    <mergeCell ref="CL62:CN63"/>
    <mergeCell ref="W63:X63"/>
    <mergeCell ref="AP63:AQ63"/>
    <mergeCell ref="CD63:CE63"/>
    <mergeCell ref="AT62:AV63"/>
    <mergeCell ref="AW62:BK63"/>
    <mergeCell ref="B64:B65"/>
    <mergeCell ref="C64:K65"/>
    <mergeCell ref="L64:O65"/>
    <mergeCell ref="P64:V65"/>
    <mergeCell ref="W64:X64"/>
    <mergeCell ref="Y64:Z65"/>
    <mergeCell ref="BL64:BN65"/>
    <mergeCell ref="BO64:BP65"/>
    <mergeCell ref="BQ64:BR65"/>
    <mergeCell ref="BS64:BT65"/>
    <mergeCell ref="AA64:AB65"/>
    <mergeCell ref="AC64:AD65"/>
    <mergeCell ref="AE64:AF65"/>
    <mergeCell ref="AI64:AO65"/>
    <mergeCell ref="AP64:AQ64"/>
    <mergeCell ref="AR64:AS65"/>
    <mergeCell ref="AG62:AH63"/>
    <mergeCell ref="AG64:AH65"/>
    <mergeCell ref="BW64:CC65"/>
    <mergeCell ref="CD64:CE64"/>
    <mergeCell ref="CF64:CH65"/>
    <mergeCell ref="CI64:CK65"/>
    <mergeCell ref="CL64:CN65"/>
    <mergeCell ref="W65:X65"/>
    <mergeCell ref="AP65:AQ65"/>
    <mergeCell ref="CD65:CE65"/>
    <mergeCell ref="AT64:AV65"/>
    <mergeCell ref="AW64:BK65"/>
    <mergeCell ref="B66:B67"/>
    <mergeCell ref="C66:K67"/>
    <mergeCell ref="L66:O67"/>
    <mergeCell ref="P66:V67"/>
    <mergeCell ref="W66:X66"/>
    <mergeCell ref="Y66:Z67"/>
    <mergeCell ref="BL66:BN67"/>
    <mergeCell ref="BO66:BP67"/>
    <mergeCell ref="BQ66:BR67"/>
    <mergeCell ref="BS66:BT67"/>
    <mergeCell ref="AA66:AB67"/>
    <mergeCell ref="AC66:AD67"/>
    <mergeCell ref="AE66:AF67"/>
    <mergeCell ref="AI66:AO67"/>
    <mergeCell ref="AP66:AQ66"/>
    <mergeCell ref="AR66:AS67"/>
    <mergeCell ref="BW66:CC67"/>
    <mergeCell ref="CD66:CE66"/>
    <mergeCell ref="CF66:CH67"/>
    <mergeCell ref="CI66:CK67"/>
    <mergeCell ref="CL66:CN67"/>
    <mergeCell ref="W67:X67"/>
    <mergeCell ref="AP67:AQ67"/>
    <mergeCell ref="CD67:CE67"/>
    <mergeCell ref="AT66:AV67"/>
    <mergeCell ref="AW66:BK67"/>
    <mergeCell ref="B68:B69"/>
    <mergeCell ref="C68:K69"/>
    <mergeCell ref="L68:O69"/>
    <mergeCell ref="P68:V69"/>
    <mergeCell ref="W68:X68"/>
    <mergeCell ref="Y68:Z69"/>
    <mergeCell ref="BL68:BN69"/>
    <mergeCell ref="BO68:BP69"/>
    <mergeCell ref="BQ68:BR69"/>
    <mergeCell ref="BS68:BT69"/>
    <mergeCell ref="AA68:AB69"/>
    <mergeCell ref="AC68:AD69"/>
    <mergeCell ref="AE68:AF69"/>
    <mergeCell ref="AI68:AO69"/>
    <mergeCell ref="AP68:AQ68"/>
    <mergeCell ref="AR68:AS69"/>
    <mergeCell ref="BW68:CC69"/>
    <mergeCell ref="CD68:CE68"/>
    <mergeCell ref="AG66:AH67"/>
    <mergeCell ref="AG68:AH69"/>
    <mergeCell ref="CF68:CH69"/>
    <mergeCell ref="CI68:CK69"/>
    <mergeCell ref="CL68:CN69"/>
    <mergeCell ref="W69:X69"/>
    <mergeCell ref="AP69:AQ69"/>
    <mergeCell ref="CD69:CE69"/>
    <mergeCell ref="AT68:AV69"/>
    <mergeCell ref="AW68:BK69"/>
    <mergeCell ref="B72:B73"/>
    <mergeCell ref="C72:K73"/>
    <mergeCell ref="L72:O73"/>
    <mergeCell ref="P72:V73"/>
    <mergeCell ref="W72:X72"/>
    <mergeCell ref="Y72:Z73"/>
    <mergeCell ref="BL72:BN73"/>
    <mergeCell ref="BO72:BP73"/>
    <mergeCell ref="BQ72:BR73"/>
    <mergeCell ref="BS72:BT73"/>
    <mergeCell ref="AA72:AB73"/>
    <mergeCell ref="AC72:AD73"/>
    <mergeCell ref="AE72:AF73"/>
    <mergeCell ref="AI72:AO73"/>
    <mergeCell ref="AP72:AQ72"/>
    <mergeCell ref="AR72:AS73"/>
    <mergeCell ref="BW72:CC73"/>
    <mergeCell ref="CD72:CE72"/>
    <mergeCell ref="CF72:CH73"/>
    <mergeCell ref="CI72:CK73"/>
    <mergeCell ref="CL72:CN73"/>
    <mergeCell ref="W73:X73"/>
    <mergeCell ref="AP73:AQ73"/>
    <mergeCell ref="CD73:CE73"/>
    <mergeCell ref="AT72:AV73"/>
    <mergeCell ref="AW72:BK73"/>
    <mergeCell ref="B74:B75"/>
    <mergeCell ref="C74:K75"/>
    <mergeCell ref="L74:O75"/>
    <mergeCell ref="P74:V75"/>
    <mergeCell ref="W74:X74"/>
    <mergeCell ref="Y74:Z75"/>
    <mergeCell ref="BO74:BP75"/>
    <mergeCell ref="BQ74:BR75"/>
    <mergeCell ref="BS74:BT75"/>
    <mergeCell ref="AA74:AB75"/>
    <mergeCell ref="AC74:AD75"/>
    <mergeCell ref="AE74:AF75"/>
    <mergeCell ref="AI74:AO75"/>
    <mergeCell ref="AP74:AQ74"/>
    <mergeCell ref="AR74:AS75"/>
    <mergeCell ref="CD74:CE74"/>
    <mergeCell ref="CF74:CH75"/>
    <mergeCell ref="CI74:CK75"/>
    <mergeCell ref="CL74:CN75"/>
    <mergeCell ref="W75:X75"/>
    <mergeCell ref="AP75:AQ75"/>
    <mergeCell ref="CD75:CE75"/>
    <mergeCell ref="AT74:AV75"/>
    <mergeCell ref="AW74:BK75"/>
    <mergeCell ref="BL74:BN75"/>
    <mergeCell ref="H77:S78"/>
    <mergeCell ref="BI77:BQ78"/>
    <mergeCell ref="BW77:CH78"/>
    <mergeCell ref="CI77:CN78"/>
    <mergeCell ref="B40:B41"/>
    <mergeCell ref="C40:K41"/>
    <mergeCell ref="L40:O41"/>
    <mergeCell ref="P40:V41"/>
    <mergeCell ref="W40:X40"/>
    <mergeCell ref="BW74:CC75"/>
    <mergeCell ref="BL40:BN41"/>
    <mergeCell ref="BO40:BP41"/>
    <mergeCell ref="BQ40:BR41"/>
    <mergeCell ref="BS40:BT41"/>
    <mergeCell ref="AA40:AB41"/>
    <mergeCell ref="AC40:AD41"/>
    <mergeCell ref="AE40:AF41"/>
    <mergeCell ref="AI40:AO41"/>
    <mergeCell ref="AP40:AQ40"/>
    <mergeCell ref="AR40:AS41"/>
    <mergeCell ref="BW40:CC41"/>
    <mergeCell ref="CD40:CE40"/>
    <mergeCell ref="CF40:CH41"/>
    <mergeCell ref="CI40:CK41"/>
    <mergeCell ref="CL40:CN41"/>
    <mergeCell ref="W41:X41"/>
    <mergeCell ref="AP41:AQ41"/>
    <mergeCell ref="CD41:CE41"/>
    <mergeCell ref="AT40:AV41"/>
    <mergeCell ref="AW40:BK41"/>
    <mergeCell ref="B42:B43"/>
    <mergeCell ref="C42:K43"/>
    <mergeCell ref="L42:O43"/>
    <mergeCell ref="P42:V43"/>
    <mergeCell ref="W42:X42"/>
    <mergeCell ref="Y42:Z43"/>
    <mergeCell ref="BL42:BN43"/>
    <mergeCell ref="BO42:BP43"/>
    <mergeCell ref="BQ42:BR43"/>
    <mergeCell ref="BS42:BT43"/>
    <mergeCell ref="AA42:AB43"/>
    <mergeCell ref="AC42:AD43"/>
    <mergeCell ref="AE42:AF43"/>
    <mergeCell ref="AI42:AO43"/>
    <mergeCell ref="AP42:AQ42"/>
    <mergeCell ref="AR42:AS43"/>
    <mergeCell ref="BW42:CC43"/>
    <mergeCell ref="CD42:CE42"/>
    <mergeCell ref="CF42:CH43"/>
    <mergeCell ref="CI42:CK43"/>
    <mergeCell ref="CL42:CN43"/>
    <mergeCell ref="W43:X43"/>
    <mergeCell ref="AP43:AQ43"/>
    <mergeCell ref="CD43:CE43"/>
    <mergeCell ref="AT42:AV43"/>
    <mergeCell ref="AW42:BK43"/>
    <mergeCell ref="B44:B45"/>
    <mergeCell ref="C44:K45"/>
    <mergeCell ref="L44:O45"/>
    <mergeCell ref="P44:V45"/>
    <mergeCell ref="W44:X44"/>
    <mergeCell ref="Y44:Z45"/>
    <mergeCell ref="BL44:BN45"/>
    <mergeCell ref="BO44:BP45"/>
    <mergeCell ref="BQ44:BR45"/>
    <mergeCell ref="BS44:BT45"/>
    <mergeCell ref="AA44:AB45"/>
    <mergeCell ref="AC44:AD45"/>
    <mergeCell ref="AE44:AF45"/>
    <mergeCell ref="AI44:AO45"/>
    <mergeCell ref="AP44:AQ44"/>
    <mergeCell ref="AR44:AS45"/>
    <mergeCell ref="BW44:CC45"/>
    <mergeCell ref="CD44:CE44"/>
    <mergeCell ref="CF44:CH45"/>
    <mergeCell ref="CI44:CK45"/>
    <mergeCell ref="CL44:CN45"/>
    <mergeCell ref="W45:X45"/>
    <mergeCell ref="AP45:AQ45"/>
    <mergeCell ref="CD45:CE45"/>
    <mergeCell ref="AT44:AV45"/>
    <mergeCell ref="AW44:BK45"/>
    <mergeCell ref="B46:B47"/>
    <mergeCell ref="C46:K47"/>
    <mergeCell ref="L46:O47"/>
    <mergeCell ref="P46:V47"/>
    <mergeCell ref="W46:X46"/>
    <mergeCell ref="Y46:Z47"/>
    <mergeCell ref="BL46:BN47"/>
    <mergeCell ref="BO46:BP47"/>
    <mergeCell ref="BQ46:BR47"/>
    <mergeCell ref="BS46:BT47"/>
    <mergeCell ref="AA46:AB47"/>
    <mergeCell ref="AC46:AD47"/>
    <mergeCell ref="AE46:AF47"/>
    <mergeCell ref="AI46:AO47"/>
    <mergeCell ref="AP46:AQ46"/>
    <mergeCell ref="AR46:AS47"/>
    <mergeCell ref="BW46:CC47"/>
    <mergeCell ref="CD46:CE46"/>
    <mergeCell ref="CF46:CH47"/>
    <mergeCell ref="CI46:CK47"/>
    <mergeCell ref="CL46:CN47"/>
    <mergeCell ref="W47:X47"/>
    <mergeCell ref="BW50:CC51"/>
    <mergeCell ref="CD50:CE50"/>
    <mergeCell ref="CF50:CH51"/>
    <mergeCell ref="CI50:CK51"/>
    <mergeCell ref="CL50:CN51"/>
    <mergeCell ref="W51:X51"/>
    <mergeCell ref="AP51:AQ51"/>
    <mergeCell ref="CD51:CE51"/>
    <mergeCell ref="AP47:AQ47"/>
    <mergeCell ref="CD47:CE47"/>
    <mergeCell ref="AT46:AV47"/>
    <mergeCell ref="AW46:BK47"/>
    <mergeCell ref="B48:B49"/>
    <mergeCell ref="C48:K49"/>
    <mergeCell ref="L48:O49"/>
    <mergeCell ref="P48:V49"/>
    <mergeCell ref="W48:X48"/>
    <mergeCell ref="Y48:Z49"/>
    <mergeCell ref="BL48:BN49"/>
    <mergeCell ref="BO48:BP49"/>
    <mergeCell ref="BQ48:BR49"/>
    <mergeCell ref="BS48:BT49"/>
    <mergeCell ref="AA48:AB49"/>
    <mergeCell ref="AC48:AD49"/>
    <mergeCell ref="AE48:AF49"/>
    <mergeCell ref="AI48:AO49"/>
    <mergeCell ref="AP48:AQ48"/>
    <mergeCell ref="AR48:AS49"/>
    <mergeCell ref="BW48:CC49"/>
    <mergeCell ref="CD48:CE48"/>
    <mergeCell ref="AG46:AH47"/>
    <mergeCell ref="AG48:AH49"/>
    <mergeCell ref="BQ52:BR53"/>
    <mergeCell ref="BS52:BT53"/>
    <mergeCell ref="AA52:AB53"/>
    <mergeCell ref="AC52:AD53"/>
    <mergeCell ref="AE52:AF53"/>
    <mergeCell ref="AI52:AO53"/>
    <mergeCell ref="AP52:AQ52"/>
    <mergeCell ref="AR52:AS53"/>
    <mergeCell ref="CF48:CH49"/>
    <mergeCell ref="CI48:CK49"/>
    <mergeCell ref="CL48:CN49"/>
    <mergeCell ref="W49:X49"/>
    <mergeCell ref="AP49:AQ49"/>
    <mergeCell ref="CD49:CE49"/>
    <mergeCell ref="AT48:AV49"/>
    <mergeCell ref="AW48:BK49"/>
    <mergeCell ref="B50:B51"/>
    <mergeCell ref="C50:K51"/>
    <mergeCell ref="L50:O51"/>
    <mergeCell ref="P50:V51"/>
    <mergeCell ref="W50:X50"/>
    <mergeCell ref="Y50:Z51"/>
    <mergeCell ref="BL50:BN51"/>
    <mergeCell ref="BO50:BP51"/>
    <mergeCell ref="BQ50:BR51"/>
    <mergeCell ref="BS50:BT51"/>
    <mergeCell ref="AA50:AB51"/>
    <mergeCell ref="AC50:AD51"/>
    <mergeCell ref="AE50:AF51"/>
    <mergeCell ref="AI50:AO51"/>
    <mergeCell ref="AP50:AQ50"/>
    <mergeCell ref="AR50:AS51"/>
    <mergeCell ref="CD52:CE52"/>
    <mergeCell ref="CF52:CH53"/>
    <mergeCell ref="CI52:CK53"/>
    <mergeCell ref="CL52:CN53"/>
    <mergeCell ref="W53:X53"/>
    <mergeCell ref="AP53:AQ53"/>
    <mergeCell ref="CD53:CE53"/>
    <mergeCell ref="AT52:AV53"/>
    <mergeCell ref="AW52:BK53"/>
    <mergeCell ref="B54:B55"/>
    <mergeCell ref="C54:K55"/>
    <mergeCell ref="L54:O55"/>
    <mergeCell ref="P54:V55"/>
    <mergeCell ref="W54:X54"/>
    <mergeCell ref="Y54:Z55"/>
    <mergeCell ref="BL54:BN55"/>
    <mergeCell ref="BO54:BP55"/>
    <mergeCell ref="BQ54:BR55"/>
    <mergeCell ref="BS54:BT55"/>
    <mergeCell ref="AA54:AB55"/>
    <mergeCell ref="AC54:AD55"/>
    <mergeCell ref="AE54:AF55"/>
    <mergeCell ref="AI54:AO55"/>
    <mergeCell ref="AP54:AQ54"/>
    <mergeCell ref="AR54:AS55"/>
    <mergeCell ref="BW54:CC55"/>
    <mergeCell ref="CD54:CE54"/>
    <mergeCell ref="CF54:CH55"/>
    <mergeCell ref="CI54:CK55"/>
    <mergeCell ref="CL54:CN55"/>
    <mergeCell ref="W55:X55"/>
    <mergeCell ref="B52:B53"/>
    <mergeCell ref="CD55:CE55"/>
    <mergeCell ref="AT54:AV55"/>
    <mergeCell ref="AW54:BK55"/>
    <mergeCell ref="B8:B9"/>
    <mergeCell ref="C8:K9"/>
    <mergeCell ref="L8:O9"/>
    <mergeCell ref="P8:V9"/>
    <mergeCell ref="W8:X8"/>
    <mergeCell ref="Y8:Z9"/>
    <mergeCell ref="BL8:BN9"/>
    <mergeCell ref="BO8:BP9"/>
    <mergeCell ref="BQ8:BR9"/>
    <mergeCell ref="BS8:BT9"/>
    <mergeCell ref="AA8:AB9"/>
    <mergeCell ref="AC8:AD9"/>
    <mergeCell ref="AE8:AF9"/>
    <mergeCell ref="AI8:AO9"/>
    <mergeCell ref="AP8:AQ8"/>
    <mergeCell ref="AR8:AS9"/>
    <mergeCell ref="BW8:CC9"/>
    <mergeCell ref="CD8:CE8"/>
    <mergeCell ref="AT10:AV11"/>
    <mergeCell ref="AW10:BK11"/>
    <mergeCell ref="B12:B13"/>
    <mergeCell ref="C12:K13"/>
    <mergeCell ref="L12:O13"/>
    <mergeCell ref="P12:V13"/>
    <mergeCell ref="W12:X12"/>
    <mergeCell ref="Y12:Z13"/>
    <mergeCell ref="BL12:BN13"/>
    <mergeCell ref="BO12:BP13"/>
    <mergeCell ref="BW52:CC53"/>
    <mergeCell ref="CF8:CH9"/>
    <mergeCell ref="CI8:CK9"/>
    <mergeCell ref="CL8:CN9"/>
    <mergeCell ref="W9:X9"/>
    <mergeCell ref="AP9:AQ9"/>
    <mergeCell ref="CD9:CE9"/>
    <mergeCell ref="AT8:AV9"/>
    <mergeCell ref="AW8:BK9"/>
    <mergeCell ref="B10:B11"/>
    <mergeCell ref="C10:K11"/>
    <mergeCell ref="L10:O11"/>
    <mergeCell ref="P10:V11"/>
    <mergeCell ref="W10:X10"/>
    <mergeCell ref="Y10:Z11"/>
    <mergeCell ref="BL10:BN11"/>
    <mergeCell ref="BO10:BP11"/>
    <mergeCell ref="BQ10:BR11"/>
    <mergeCell ref="BS10:BT11"/>
    <mergeCell ref="AA10:AB11"/>
    <mergeCell ref="AC10:AD11"/>
    <mergeCell ref="AE10:AF11"/>
    <mergeCell ref="AI10:AO11"/>
    <mergeCell ref="AP10:AQ10"/>
    <mergeCell ref="AR10:AS11"/>
    <mergeCell ref="BW10:CC11"/>
    <mergeCell ref="CD10:CE10"/>
    <mergeCell ref="CF10:CH11"/>
    <mergeCell ref="CI10:CK11"/>
    <mergeCell ref="CL10:CN11"/>
    <mergeCell ref="W11:X11"/>
    <mergeCell ref="AP11:AQ11"/>
    <mergeCell ref="CD11:CE11"/>
    <mergeCell ref="BQ12:BR13"/>
    <mergeCell ref="BS12:BT13"/>
    <mergeCell ref="AA12:AB13"/>
    <mergeCell ref="AC12:AD13"/>
    <mergeCell ref="AE12:AF13"/>
    <mergeCell ref="AI12:AO13"/>
    <mergeCell ref="AP12:AQ12"/>
    <mergeCell ref="AR12:AS13"/>
    <mergeCell ref="BW12:CC13"/>
    <mergeCell ref="CD12:CE12"/>
    <mergeCell ref="CF12:CH13"/>
    <mergeCell ref="CI12:CK13"/>
    <mergeCell ref="CL12:CN13"/>
    <mergeCell ref="W13:X13"/>
    <mergeCell ref="AP13:AQ13"/>
    <mergeCell ref="CD13:CE13"/>
    <mergeCell ref="AT12:AV13"/>
    <mergeCell ref="AW12:BK13"/>
    <mergeCell ref="B14:B15"/>
    <mergeCell ref="C14:K15"/>
    <mergeCell ref="L14:O15"/>
    <mergeCell ref="P14:V15"/>
    <mergeCell ref="W14:X14"/>
    <mergeCell ref="Y14:Z15"/>
    <mergeCell ref="BL14:BN15"/>
    <mergeCell ref="BO14:BP15"/>
    <mergeCell ref="BQ14:BR15"/>
    <mergeCell ref="BS14:BT15"/>
    <mergeCell ref="AA14:AB15"/>
    <mergeCell ref="AC14:AD15"/>
    <mergeCell ref="AE14:AF15"/>
    <mergeCell ref="AI14:AO15"/>
    <mergeCell ref="AP14:AQ14"/>
    <mergeCell ref="AR14:AS15"/>
    <mergeCell ref="BW14:CC15"/>
    <mergeCell ref="CD14:CE14"/>
    <mergeCell ref="CF14:CH15"/>
    <mergeCell ref="CI14:CK15"/>
    <mergeCell ref="CL14:CN15"/>
    <mergeCell ref="W15:X15"/>
    <mergeCell ref="AP15:AQ15"/>
    <mergeCell ref="CD15:CE15"/>
    <mergeCell ref="AT14:AV15"/>
    <mergeCell ref="AW14:BK15"/>
    <mergeCell ref="B16:B17"/>
    <mergeCell ref="C16:K17"/>
    <mergeCell ref="L16:O17"/>
    <mergeCell ref="P16:V17"/>
    <mergeCell ref="W16:X16"/>
    <mergeCell ref="Y16:Z17"/>
    <mergeCell ref="BL16:BN17"/>
    <mergeCell ref="BO16:BP17"/>
    <mergeCell ref="BQ16:BR17"/>
    <mergeCell ref="BS16:BT17"/>
    <mergeCell ref="AA16:AB17"/>
    <mergeCell ref="AC16:AD17"/>
    <mergeCell ref="AE16:AF17"/>
    <mergeCell ref="AI16:AO17"/>
    <mergeCell ref="AP16:AQ16"/>
    <mergeCell ref="AR16:AS17"/>
    <mergeCell ref="BW16:CC17"/>
    <mergeCell ref="CD16:CE16"/>
    <mergeCell ref="CF16:CH17"/>
    <mergeCell ref="CI16:CK17"/>
    <mergeCell ref="CL16:CN17"/>
    <mergeCell ref="W17:X17"/>
    <mergeCell ref="AP17:AQ17"/>
    <mergeCell ref="CD17:CE17"/>
    <mergeCell ref="AT16:AV17"/>
    <mergeCell ref="AW16:BK17"/>
    <mergeCell ref="B18:B19"/>
    <mergeCell ref="C18:K19"/>
    <mergeCell ref="L18:O19"/>
    <mergeCell ref="P18:V19"/>
    <mergeCell ref="W18:X18"/>
    <mergeCell ref="Y18:Z19"/>
    <mergeCell ref="BL18:BN19"/>
    <mergeCell ref="BO18:BP19"/>
    <mergeCell ref="BQ18:BR19"/>
    <mergeCell ref="BS18:BT19"/>
    <mergeCell ref="AA18:AB19"/>
    <mergeCell ref="AC18:AD19"/>
    <mergeCell ref="AE18:AF19"/>
    <mergeCell ref="AI18:AO19"/>
    <mergeCell ref="AP18:AQ18"/>
    <mergeCell ref="AR18:AS19"/>
    <mergeCell ref="BW18:CC19"/>
    <mergeCell ref="CD18:CE18"/>
    <mergeCell ref="CF18:CH19"/>
    <mergeCell ref="CI18:CK19"/>
    <mergeCell ref="CL18:CN19"/>
    <mergeCell ref="W19:X19"/>
    <mergeCell ref="AP19:AQ19"/>
    <mergeCell ref="CD19:CE19"/>
    <mergeCell ref="AT18:AV19"/>
    <mergeCell ref="AW18:BK19"/>
    <mergeCell ref="B20:B21"/>
    <mergeCell ref="C20:K21"/>
    <mergeCell ref="L20:O21"/>
    <mergeCell ref="P20:V21"/>
    <mergeCell ref="W20:X20"/>
    <mergeCell ref="Y20:Z21"/>
    <mergeCell ref="BL20:BN21"/>
    <mergeCell ref="BO20:BP21"/>
    <mergeCell ref="BQ20:BR21"/>
    <mergeCell ref="BS20:BT21"/>
    <mergeCell ref="AA20:AB21"/>
    <mergeCell ref="AC20:AD21"/>
    <mergeCell ref="AE20:AF21"/>
    <mergeCell ref="AI20:AO21"/>
    <mergeCell ref="AP20:AQ20"/>
    <mergeCell ref="AR20:AS21"/>
    <mergeCell ref="BW20:CC21"/>
    <mergeCell ref="CD20:CE20"/>
    <mergeCell ref="CF20:CH21"/>
    <mergeCell ref="CI20:CK21"/>
    <mergeCell ref="CL20:CN21"/>
    <mergeCell ref="W21:X21"/>
    <mergeCell ref="AP21:AQ21"/>
    <mergeCell ref="CD21:CE21"/>
    <mergeCell ref="AT20:AV21"/>
    <mergeCell ref="AW20:BK21"/>
    <mergeCell ref="B22:B23"/>
    <mergeCell ref="C22:K23"/>
    <mergeCell ref="L22:O23"/>
    <mergeCell ref="P22:V23"/>
    <mergeCell ref="W22:X22"/>
    <mergeCell ref="Y22:Z23"/>
    <mergeCell ref="BL22:BN23"/>
    <mergeCell ref="BO22:BP23"/>
    <mergeCell ref="BQ22:BR23"/>
    <mergeCell ref="BS22:BT23"/>
    <mergeCell ref="AA22:AB23"/>
    <mergeCell ref="AC22:AD23"/>
    <mergeCell ref="AE22:AF23"/>
    <mergeCell ref="AI22:AO23"/>
    <mergeCell ref="AP22:AQ22"/>
    <mergeCell ref="AR22:AS23"/>
    <mergeCell ref="BW22:CC23"/>
    <mergeCell ref="CD22:CE22"/>
    <mergeCell ref="CF22:CH23"/>
    <mergeCell ref="CI22:CK23"/>
    <mergeCell ref="CL22:CN23"/>
    <mergeCell ref="W23:X23"/>
    <mergeCell ref="AP23:AQ23"/>
    <mergeCell ref="CD23:CE23"/>
    <mergeCell ref="AT22:AV23"/>
    <mergeCell ref="AW22:BK23"/>
    <mergeCell ref="B24:B25"/>
    <mergeCell ref="C24:K25"/>
    <mergeCell ref="L24:O25"/>
    <mergeCell ref="P24:V25"/>
    <mergeCell ref="W24:X24"/>
    <mergeCell ref="Y24:Z25"/>
    <mergeCell ref="BL24:BN25"/>
    <mergeCell ref="BO24:BP25"/>
    <mergeCell ref="BQ24:BR25"/>
    <mergeCell ref="BS24:BT25"/>
    <mergeCell ref="AA24:AB25"/>
    <mergeCell ref="AC24:AD25"/>
    <mergeCell ref="AE24:AF25"/>
    <mergeCell ref="AI24:AO25"/>
    <mergeCell ref="AP24:AQ24"/>
    <mergeCell ref="AR24:AS25"/>
    <mergeCell ref="BW24:CC25"/>
    <mergeCell ref="CD24:CE24"/>
    <mergeCell ref="CF24:CH25"/>
    <mergeCell ref="CI24:CK25"/>
    <mergeCell ref="CL24:CN25"/>
    <mergeCell ref="W25:X25"/>
    <mergeCell ref="AP25:AQ25"/>
    <mergeCell ref="CD25:CE25"/>
    <mergeCell ref="AT24:AV25"/>
    <mergeCell ref="AW24:BK25"/>
    <mergeCell ref="B26:B27"/>
    <mergeCell ref="C26:K27"/>
    <mergeCell ref="L26:O27"/>
    <mergeCell ref="P26:V27"/>
    <mergeCell ref="W26:X26"/>
    <mergeCell ref="Y26:Z27"/>
    <mergeCell ref="BL26:BN27"/>
    <mergeCell ref="BO26:BP27"/>
    <mergeCell ref="BQ26:BR27"/>
    <mergeCell ref="BS26:BT27"/>
    <mergeCell ref="AA26:AB27"/>
    <mergeCell ref="AC26:AD27"/>
    <mergeCell ref="AE26:AF27"/>
    <mergeCell ref="AI26:AO27"/>
    <mergeCell ref="AP26:AQ26"/>
    <mergeCell ref="AR26:AS27"/>
    <mergeCell ref="BW26:CC27"/>
    <mergeCell ref="CD26:CE26"/>
    <mergeCell ref="CF26:CH27"/>
    <mergeCell ref="CI26:CK27"/>
    <mergeCell ref="CL26:CN27"/>
    <mergeCell ref="W27:X27"/>
    <mergeCell ref="AP27:AQ27"/>
    <mergeCell ref="CD27:CE27"/>
    <mergeCell ref="AT26:AV27"/>
    <mergeCell ref="AW26:BK27"/>
    <mergeCell ref="B28:B29"/>
    <mergeCell ref="C28:K29"/>
    <mergeCell ref="L28:O29"/>
    <mergeCell ref="P28:V29"/>
    <mergeCell ref="W28:X28"/>
    <mergeCell ref="Y28:Z29"/>
    <mergeCell ref="BL28:BN29"/>
    <mergeCell ref="BO28:BP29"/>
    <mergeCell ref="BQ28:BR29"/>
    <mergeCell ref="BS28:BT29"/>
    <mergeCell ref="AA28:AB29"/>
    <mergeCell ref="AC28:AD29"/>
    <mergeCell ref="AE28:AF29"/>
    <mergeCell ref="AI28:AO29"/>
    <mergeCell ref="AP28:AQ28"/>
    <mergeCell ref="AR28:AS29"/>
    <mergeCell ref="BW28:CC29"/>
    <mergeCell ref="CD28:CE28"/>
    <mergeCell ref="CF28:CH29"/>
    <mergeCell ref="CI28:CK29"/>
    <mergeCell ref="CL28:CN29"/>
    <mergeCell ref="W29:X29"/>
    <mergeCell ref="AP29:AQ29"/>
    <mergeCell ref="CD29:CE29"/>
    <mergeCell ref="AT28:AV29"/>
    <mergeCell ref="AW28:BK29"/>
    <mergeCell ref="B30:B31"/>
    <mergeCell ref="C30:K31"/>
    <mergeCell ref="L30:O31"/>
    <mergeCell ref="P30:V31"/>
    <mergeCell ref="W30:X30"/>
    <mergeCell ref="Y30:Z31"/>
    <mergeCell ref="BL30:BN31"/>
    <mergeCell ref="BO30:BP31"/>
    <mergeCell ref="BQ30:BR31"/>
    <mergeCell ref="BS30:BT31"/>
    <mergeCell ref="AA30:AB31"/>
    <mergeCell ref="AC30:AD31"/>
    <mergeCell ref="AE30:AF31"/>
    <mergeCell ref="AI30:AO31"/>
    <mergeCell ref="AP30:AQ30"/>
    <mergeCell ref="AR30:AS31"/>
    <mergeCell ref="BW30:CC31"/>
    <mergeCell ref="CD30:CE30"/>
    <mergeCell ref="CF30:CH31"/>
    <mergeCell ref="CI30:CK31"/>
    <mergeCell ref="CL30:CN31"/>
    <mergeCell ref="W31:X31"/>
    <mergeCell ref="AP31:AQ31"/>
    <mergeCell ref="CD31:CE31"/>
    <mergeCell ref="AT30:AV31"/>
    <mergeCell ref="AW30:BK31"/>
    <mergeCell ref="W32:X32"/>
    <mergeCell ref="Y32:Z33"/>
    <mergeCell ref="AA32:AB33"/>
    <mergeCell ref="AC32:AD33"/>
    <mergeCell ref="AE32:AF33"/>
    <mergeCell ref="AI32:AO33"/>
    <mergeCell ref="AG32:AH33"/>
    <mergeCell ref="AP32:AQ32"/>
    <mergeCell ref="AR32:AS33"/>
    <mergeCell ref="AT32:AV33"/>
    <mergeCell ref="AW32:BK33"/>
    <mergeCell ref="BL32:BN33"/>
    <mergeCell ref="BO32:BP33"/>
    <mergeCell ref="BQ32:BR33"/>
    <mergeCell ref="BS32:BT33"/>
    <mergeCell ref="BW32:CC33"/>
    <mergeCell ref="CD32:CE32"/>
    <mergeCell ref="CF32:CH33"/>
    <mergeCell ref="CI32:CK33"/>
    <mergeCell ref="BU32:BV33"/>
    <mergeCell ref="CL32:CN33"/>
    <mergeCell ref="W33:X33"/>
    <mergeCell ref="BW36:CC37"/>
    <mergeCell ref="CD36:CE36"/>
    <mergeCell ref="CF36:CH37"/>
    <mergeCell ref="CI36:CK37"/>
    <mergeCell ref="CL36:CN37"/>
    <mergeCell ref="W37:X37"/>
    <mergeCell ref="AP37:AQ37"/>
    <mergeCell ref="CD37:CE37"/>
    <mergeCell ref="AP33:AQ33"/>
    <mergeCell ref="CD33:CE33"/>
    <mergeCell ref="B34:B35"/>
    <mergeCell ref="C34:K35"/>
    <mergeCell ref="L34:O35"/>
    <mergeCell ref="P34:V35"/>
    <mergeCell ref="W34:X34"/>
    <mergeCell ref="Y34:Z35"/>
    <mergeCell ref="BL34:BN35"/>
    <mergeCell ref="BO34:BP35"/>
    <mergeCell ref="BQ34:BR35"/>
    <mergeCell ref="BS34:BT35"/>
    <mergeCell ref="AA34:AB35"/>
    <mergeCell ref="AC34:AD35"/>
    <mergeCell ref="AE34:AF35"/>
    <mergeCell ref="AI34:AO35"/>
    <mergeCell ref="AP34:AQ34"/>
    <mergeCell ref="AR34:AS35"/>
    <mergeCell ref="BW34:CC35"/>
    <mergeCell ref="CD34:CE34"/>
    <mergeCell ref="AP55:AQ55"/>
    <mergeCell ref="AT50:AV51"/>
    <mergeCell ref="AW50:BK51"/>
    <mergeCell ref="C52:K53"/>
    <mergeCell ref="L52:O53"/>
    <mergeCell ref="P52:V53"/>
    <mergeCell ref="W52:X52"/>
    <mergeCell ref="Y52:Z53"/>
    <mergeCell ref="BL52:BN53"/>
    <mergeCell ref="BO52:BP53"/>
    <mergeCell ref="CF34:CH35"/>
    <mergeCell ref="CI34:CK35"/>
    <mergeCell ref="CL34:CN35"/>
    <mergeCell ref="W35:X35"/>
    <mergeCell ref="AP35:AQ35"/>
    <mergeCell ref="CD35:CE35"/>
    <mergeCell ref="AT34:AV35"/>
    <mergeCell ref="AW34:BK35"/>
    <mergeCell ref="C36:K37"/>
    <mergeCell ref="L36:O37"/>
    <mergeCell ref="P36:V37"/>
    <mergeCell ref="W36:X36"/>
    <mergeCell ref="Y36:Z37"/>
    <mergeCell ref="BL36:BN37"/>
    <mergeCell ref="BO36:BP37"/>
    <mergeCell ref="BQ36:BR37"/>
    <mergeCell ref="BS36:BT37"/>
    <mergeCell ref="AA36:AB37"/>
    <mergeCell ref="AC36:AD37"/>
    <mergeCell ref="AE36:AF37"/>
    <mergeCell ref="AI36:AO37"/>
    <mergeCell ref="AP36:AQ36"/>
    <mergeCell ref="AT36:AV37"/>
    <mergeCell ref="AW36:BK37"/>
    <mergeCell ref="B38:B39"/>
    <mergeCell ref="C38:K39"/>
    <mergeCell ref="L38:O39"/>
    <mergeCell ref="P38:V39"/>
    <mergeCell ref="W38:X38"/>
    <mergeCell ref="Y38:Z39"/>
    <mergeCell ref="BL38:BN39"/>
    <mergeCell ref="BO38:BP39"/>
    <mergeCell ref="BQ38:BR39"/>
    <mergeCell ref="BS38:BT39"/>
    <mergeCell ref="AA38:AB39"/>
    <mergeCell ref="AC38:AD39"/>
    <mergeCell ref="AE38:AF39"/>
    <mergeCell ref="AI38:AO39"/>
    <mergeCell ref="AP38:AQ38"/>
    <mergeCell ref="AR38:AS39"/>
    <mergeCell ref="B36:B37"/>
    <mergeCell ref="AR36:AS37"/>
    <mergeCell ref="BW38:CC39"/>
    <mergeCell ref="CD38:CE38"/>
    <mergeCell ref="CF38:CH39"/>
    <mergeCell ref="CI38:CK39"/>
    <mergeCell ref="CL38:CN39"/>
    <mergeCell ref="W39:X39"/>
    <mergeCell ref="AP39:AQ39"/>
    <mergeCell ref="CD39:CE39"/>
    <mergeCell ref="AT38:AV39"/>
    <mergeCell ref="AW38:BK39"/>
    <mergeCell ref="T77:AU78"/>
    <mergeCell ref="B70:B71"/>
    <mergeCell ref="C70:K71"/>
    <mergeCell ref="L70:O71"/>
    <mergeCell ref="P70:V71"/>
    <mergeCell ref="W70:X70"/>
    <mergeCell ref="Y70:Z71"/>
    <mergeCell ref="AA70:AB71"/>
    <mergeCell ref="AC70:AD71"/>
    <mergeCell ref="AE70:AF71"/>
    <mergeCell ref="CD70:CE70"/>
    <mergeCell ref="CF70:CH71"/>
    <mergeCell ref="AI70:AO71"/>
    <mergeCell ref="AP70:AQ70"/>
    <mergeCell ref="AR70:AS71"/>
    <mergeCell ref="AT70:AV71"/>
    <mergeCell ref="AW70:BK71"/>
    <mergeCell ref="BL70:BN71"/>
    <mergeCell ref="BU72:BV73"/>
    <mergeCell ref="BU74:BV75"/>
    <mergeCell ref="BU70:BV71"/>
    <mergeCell ref="AG54:AH55"/>
    <mergeCell ref="F1:O1"/>
    <mergeCell ref="CI70:CK71"/>
    <mergeCell ref="CL70:CN71"/>
    <mergeCell ref="W71:X71"/>
    <mergeCell ref="AP71:AQ71"/>
    <mergeCell ref="CD71:CE71"/>
    <mergeCell ref="BO70:BP71"/>
    <mergeCell ref="BQ70:BR71"/>
    <mergeCell ref="BS70:BT71"/>
    <mergeCell ref="BW70:CC71"/>
    <mergeCell ref="AG8:AH9"/>
    <mergeCell ref="AG10:AH11"/>
    <mergeCell ref="AG12:AH13"/>
    <mergeCell ref="AG14:AH15"/>
    <mergeCell ref="AG16:AH17"/>
    <mergeCell ref="AG18:AH19"/>
    <mergeCell ref="AG20:AH21"/>
    <mergeCell ref="AG22:AH23"/>
    <mergeCell ref="AG24:AH25"/>
    <mergeCell ref="AG26:AH27"/>
    <mergeCell ref="AG28:AH29"/>
    <mergeCell ref="AG30:AH31"/>
    <mergeCell ref="AG34:AH35"/>
    <mergeCell ref="AG36:AH37"/>
    <mergeCell ref="AG38:AH39"/>
    <mergeCell ref="AG40:AH41"/>
    <mergeCell ref="AG42:AH43"/>
    <mergeCell ref="AG44:AH45"/>
    <mergeCell ref="BU62:BV63"/>
    <mergeCell ref="BU64:BV65"/>
    <mergeCell ref="BU66:BV67"/>
    <mergeCell ref="BU68:BV69"/>
    <mergeCell ref="AG70:AH71"/>
    <mergeCell ref="AG72:AH73"/>
    <mergeCell ref="AG74:AH75"/>
    <mergeCell ref="BU6:BV7"/>
    <mergeCell ref="BU8:BV9"/>
    <mergeCell ref="BU10:BV11"/>
    <mergeCell ref="BU12:BV13"/>
    <mergeCell ref="BU14:BV15"/>
    <mergeCell ref="BU16:BV17"/>
    <mergeCell ref="BU18:BV19"/>
    <mergeCell ref="BU20:BV21"/>
    <mergeCell ref="BU22:BV23"/>
    <mergeCell ref="BU24:BV25"/>
    <mergeCell ref="BU26:BV27"/>
    <mergeCell ref="BU28:BV29"/>
    <mergeCell ref="BU30:BV31"/>
    <mergeCell ref="BU34:BV35"/>
    <mergeCell ref="BU36:BV37"/>
    <mergeCell ref="BU38:BV39"/>
    <mergeCell ref="BU40:BV41"/>
    <mergeCell ref="BU42:BV43"/>
    <mergeCell ref="BU44:BV45"/>
    <mergeCell ref="BU46:BV47"/>
    <mergeCell ref="BU48:BV49"/>
    <mergeCell ref="BU50:BV51"/>
    <mergeCell ref="BU52:BV53"/>
    <mergeCell ref="BU54:BV55"/>
    <mergeCell ref="BU56:BV57"/>
    <mergeCell ref="AG50:AH51"/>
    <mergeCell ref="AG52:AH53"/>
    <mergeCell ref="AG56:AH57"/>
    <mergeCell ref="AG58:AH59"/>
  </mergeCells>
  <phoneticPr fontId="1"/>
  <printOptions horizontalCentered="1" verticalCentered="1"/>
  <pageMargins left="0.39370078740157483" right="0" top="0" bottom="0" header="0.51181102362204722" footer="0.51181102362204722"/>
  <pageSetup paperSize="8" scale="94" orientation="landscape" r:id="rId1"/>
  <headerFooter alignWithMargins="0"/>
  <drawing r:id="rId2"/>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その１製造業</vt:lpstr>
      <vt:lpstr>その２</vt:lpstr>
      <vt:lpstr>追加記入欄</vt:lpstr>
      <vt:lpstr>その１製造業!Print_Area</vt:lpstr>
      <vt:lpstr>その２!Print_Area</vt:lpstr>
      <vt:lpstr>追加記入欄!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中田　有香</dc:creator>
  <cp:keywords/>
  <dc:description/>
  <cp:lastModifiedBy>奥野　真奈美</cp:lastModifiedBy>
  <cp:revision>0</cp:revision>
  <cp:lastPrinted>2020-06-12T01:23:48Z</cp:lastPrinted>
  <dcterms:created xsi:type="dcterms:W3CDTF">1601-01-01T00:00:00Z</dcterms:created>
  <dcterms:modified xsi:type="dcterms:W3CDTF">2023-05-24T02:17:59Z</dcterms:modified>
  <cp:category/>
</cp:coreProperties>
</file>